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506123\Desktop\Liu Chang\LMS Update\2005\"/>
    </mc:Choice>
  </mc:AlternateContent>
  <xr:revisionPtr revIDLastSave="0" documentId="13_ncr:1_{CA5CAB85-28C6-479F-9817-667753FAD5A6}" xr6:coauthVersionLast="44" xr6:coauthVersionMax="44" xr10:uidLastSave="{00000000-0000-0000-0000-000000000000}"/>
  <bookViews>
    <workbookView xWindow="1080" yWindow="200" windowWidth="17290" windowHeight="9800" xr2:uid="{8B715F00-8072-49AA-A8AA-31B94EDF288D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892" uniqueCount="387">
  <si>
    <t>Current Menu</t>
  </si>
  <si>
    <t>Menu Location Change</t>
  </si>
  <si>
    <t>Terminology Change</t>
  </si>
  <si>
    <t>New Terminology</t>
  </si>
  <si>
    <t>Yes</t>
  </si>
  <si>
    <t>Help</t>
  </si>
  <si>
    <t>Home</t>
  </si>
  <si>
    <t>yes</t>
  </si>
  <si>
    <t>変更なし</t>
  </si>
  <si>
    <t>コマース</t>
  </si>
  <si>
    <t>会計</t>
  </si>
  <si>
    <t>コマース&gt;マスターインベントリ</t>
  </si>
  <si>
    <t>コマース&gt; アカウントコード</t>
  </si>
  <si>
    <t>コマース&gt;注文の管理</t>
  </si>
  <si>
    <t>参照&gt; 会計</t>
  </si>
  <si>
    <t>コマース&gt; 
未使用のオーダーチケット</t>
  </si>
  <si>
    <t>コマース&gt; 会計トランザクション</t>
  </si>
  <si>
    <t>会計&gt; 未使用バウチャー</t>
  </si>
  <si>
    <t>コマース&gt; クーポン</t>
  </si>
  <si>
    <t>会計&gt; 無料購読</t>
  </si>
  <si>
    <t>コマース&gt; 購読</t>
  </si>
  <si>
    <t>コマース&gt; 注文書</t>
  </si>
  <si>
    <t>会計&gt; プリペイドアカウント</t>
  </si>
  <si>
    <t>コマース&gt; ツール&gt; 購入アシスタント</t>
  </si>
  <si>
    <t>廃棄</t>
  </si>
  <si>
    <t>コマース&gt; ツール&gt; 
チャージバックの調整</t>
  </si>
  <si>
    <t>コマース&gt; ツール&gt; 
カタログ価格の変更</t>
  </si>
  <si>
    <t>コマース&gt; ツール&gt; 
マスターインベントリ価格の変更</t>
  </si>
  <si>
    <t>起動経路がリムーブされた</t>
  </si>
  <si>
    <t>アイテムもしくはクラス＞ライブラリ内</t>
  </si>
  <si>
    <t>コンテンツ</t>
  </si>
  <si>
    <t>コンテンツ&gt; コンテンツ オブジェクト</t>
  </si>
  <si>
    <t>コンテンツ&gt; コンテンツ パッケージ</t>
  </si>
  <si>
    <t>コンテンツ&gt; 質問ライブラリ</t>
  </si>
  <si>
    <t>コンテンツ&gt; アセスメント</t>
  </si>
  <si>
    <t>コンテンツ&gt; 目標</t>
  </si>
  <si>
    <t>コンテンツ&gt; 質問</t>
  </si>
  <si>
    <t>コンテンツ&gt; 質問 (旧版)</t>
  </si>
  <si>
    <t>コンテンツ&gt; 試験 オブジェクト</t>
  </si>
  <si>
    <t>コンテンツ&gt; 試験 オブジェクト (旧版)</t>
  </si>
  <si>
    <t>場所変更 コンテンツ</t>
  </si>
  <si>
    <t>コンテンツ&gt; ツール&gt; コンテンツのインポート</t>
  </si>
  <si>
    <t>コンテンツ&gt; ツール&gt; 質問のインポート/エクスポート</t>
  </si>
  <si>
    <t>コンテンツ&gt; ツール&gt; 
印刷形式の試験のテンプレート</t>
  </si>
  <si>
    <t>コンテンツ&gt;
印刷形式の試験のテンプレート (旧版)</t>
  </si>
  <si>
    <t>コンテンツ&gt; ドキュメント</t>
  </si>
  <si>
    <t>コンテンツ&gt; 展開場所</t>
  </si>
  <si>
    <t>場所変更 システム管理&gt;設定</t>
  </si>
  <si>
    <t>システム管理&gt; 設定&gt; コンテンツ展開場所</t>
  </si>
  <si>
    <t>学習</t>
  </si>
  <si>
    <t>学習&gt; クラス</t>
  </si>
  <si>
    <t>学習活動</t>
  </si>
  <si>
    <t>学習活動&gt; クラス</t>
  </si>
  <si>
    <t>学習&gt; 開催日程 </t>
  </si>
  <si>
    <t>学習&gt; アイテム </t>
  </si>
  <si>
    <t>場所変更 社員</t>
  </si>
  <si>
    <t>社員</t>
  </si>
  <si>
    <t>社員&gt; 受講者グループ</t>
  </si>
  <si>
    <t>学習活動&gt; クラスグループ</t>
  </si>
  <si>
    <t>学習&gt; グループインスタンス</t>
  </si>
  <si>
    <t>学習&gt; カタログ</t>
  </si>
  <si>
    <t>学習活動&gt; ライブラリ</t>
  </si>
  <si>
    <t>学習&gt; プログラム</t>
  </si>
  <si>
    <t>学習&gt;  カリキュラム</t>
  </si>
  <si>
    <t>学習&gt; 必修項目</t>
  </si>
  <si>
    <t>学習活動&gt; カリキュラム必修項目</t>
  </si>
  <si>
    <t>学習&gt; アンケート</t>
  </si>
  <si>
    <t>学習&gt; コンテンツ ネットワーク</t>
  </si>
  <si>
    <t>コンテンツ &gt; オープンコンテンツネットワーク</t>
  </si>
  <si>
    <t>学習&gt; インストラクター</t>
  </si>
  <si>
    <t>学習&gt; 外部リンク</t>
  </si>
  <si>
    <t>学習&gt;  コレクション</t>
  </si>
  <si>
    <t>学習&gt; タスク</t>
  </si>
  <si>
    <t>学習&gt; ツール&gt; 開催日程を閉じる</t>
  </si>
  <si>
    <t>学習&gt; ツール&gt; 開催日程のキャンセル</t>
  </si>
  <si>
    <t>学習&gt; ツール&gt; 
カリキュラムスケジュール</t>
  </si>
  <si>
    <t>カリキュラム&gt; カリキュラムクラスの作成</t>
  </si>
  <si>
    <t>クラス&gt; 削除</t>
  </si>
  <si>
    <t>クラス&gt; キャンセル</t>
  </si>
  <si>
    <t>学習&gt; ツール&gt; 期日エディタ</t>
  </si>
  <si>
    <t>学習&gt; ツール&gt; 登録アシスタント</t>
  </si>
  <si>
    <t>学習&gt; ツール&gt; 開催日程通知</t>
  </si>
  <si>
    <t>クラス&gt; 電子メールの送信</t>
  </si>
  <si>
    <t>場所変更 ユーザの学習管理画面</t>
  </si>
  <si>
    <t>ユーザの学習管理画面学習&gt; 期日の編集</t>
  </si>
  <si>
    <t>コンテンツ &gt; OCN コースの有効化/無効化</t>
  </si>
  <si>
    <t>学習&gt; ツール&gt; コンテンツネットワークの有効化/無効化</t>
  </si>
  <si>
    <t>参照</t>
  </si>
  <si>
    <t>場所変更 参照&gt; コンテンツ</t>
  </si>
  <si>
    <t>参照&gt; カレンダー及び時刻&gt; 日付形式パターン</t>
  </si>
  <si>
    <t>参照&gt; カレンダー及び時刻&gt; 休日プロファイル</t>
  </si>
  <si>
    <t>参照&gt; カレンダー及び時刻&gt; 休日</t>
  </si>
  <si>
    <t>参照&gt; カレンダー及び時刻&gt; タイムゾーン管理</t>
  </si>
  <si>
    <t>参照&gt; カレンダー及び時刻&gt; 平日プロファイル</t>
  </si>
  <si>
    <t>参照&gt; コマース&gt; キャンセルポリシー</t>
  </si>
  <si>
    <t>参照&gt; コマース&gt; コスト名</t>
  </si>
  <si>
    <t>参照&gt; コマース&gt; 通貨</t>
  </si>
  <si>
    <t>参照&gt; コマース&gt; 通貨変換</t>
  </si>
  <si>
    <t>参照&gt; コマース&gt; アカウントコードタイプ</t>
  </si>
  <si>
    <t>参照&gt; コマース&gt; オーダーステータス</t>
  </si>
  <si>
    <t>参照&gt; コマース&gt; 価格設定ルール</t>
  </si>
  <si>
    <t>参照&gt; コマース&gt; 配分タイプ</t>
  </si>
  <si>
    <t>参照&gt; コマース&gt; 配分コード</t>
  </si>
  <si>
    <t>場所変更 参照 &gt; 地理</t>
  </si>
  <si>
    <t>参照&gt; 地理&gt; 国/地域</t>
  </si>
  <si>
    <t>参照&gt; 地理&gt; 勤務地</t>
  </si>
  <si>
    <t>参照&gt; 地理&gt;ラベル</t>
  </si>
  <si>
    <t>場所変更 参照 &gt; ラベルの管理</t>
  </si>
  <si>
    <t>参照&gt; 地理&gt;ロケール</t>
  </si>
  <si>
    <t>参照&gt; 地理&gt; ロケールラベル</t>
  </si>
  <si>
    <t>場所変更 参照 &gt; ユーザーの学習管理</t>
  </si>
  <si>
    <t>参照&gt; 学習&gt; 割当タイプ</t>
  </si>
  <si>
    <t>場所変更 参照 &gt; 社員管理</t>
  </si>
  <si>
    <t>参照&gt; 学習&gt; 受講者グループステータス</t>
  </si>
  <si>
    <t>場所変更 参照&gt; ユーザーの学習管理</t>
  </si>
  <si>
    <t>参照&gt; 学習&gt; キャンセル理由</t>
  </si>
  <si>
    <t>参照&gt; 学習&gt; 完了ステータス</t>
  </si>
  <si>
    <t>参照&gt; 学習&gt; カリキュラムタイプ</t>
  </si>
  <si>
    <t>参照&gt; 学習&gt; 提供方法</t>
  </si>
  <si>
    <t>参照&gt; 学習&gt;提供タイプ</t>
  </si>
  <si>
    <t>参照&gt; 学習&gt; 指定タイプ</t>
  </si>
  <si>
    <t>参照&gt; 学習&gt;ドキュメントタイプ</t>
  </si>
  <si>
    <t>参照&gt; 学習&gt;アイテムのタイプ</t>
  </si>
  <si>
    <t>場所変更 参照&gt; 社外学習</t>
  </si>
  <si>
    <t>参照 &gt; 社員管理 &gt; 受講者グループステータス</t>
  </si>
  <si>
    <t>場所変更 参照&gt; トレーニングプランナー</t>
  </si>
  <si>
    <t>参照&gt; 学習活動&gt; 登録ステータス</t>
  </si>
  <si>
    <t>参照&gt; 学習&gt; 登録ステータス</t>
  </si>
  <si>
    <t>参照&gt; 学習&gt; 報告法的主体</t>
  </si>
  <si>
    <t>参照&gt; 学習&gt; スケジュールブロック</t>
  </si>
  <si>
    <t>参照&gt; 学習&gt; 主題領域</t>
  </si>
  <si>
    <t>参照&gt; 学習&gt; ソース</t>
  </si>
  <si>
    <t>参照&gt; 学習活動&gt; リソースブロックタイプ</t>
  </si>
  <si>
    <t>参照&gt; 学習&gt; トレーニングアクション</t>
  </si>
  <si>
    <t>参照&gt; 学習&gt; トレーニング履修タイプ</t>
  </si>
  <si>
    <t>参照&gt; 学習&gt;トレーニング資金調達</t>
  </si>
  <si>
    <t>参照&gt; 学習&gt; トレーニングプログラム</t>
  </si>
  <si>
    <t>参照&gt; 学習&gt; トレーニングの目的</t>
  </si>
  <si>
    <t>参照&gt; 学習&gt; トレーニング申請期間</t>
  </si>
  <si>
    <t>参照&gt; 学習&gt; トレーニングのソース</t>
  </si>
  <si>
    <t>参照&gt; トレーニングプランナー&gt;トレーニング申請期間</t>
  </si>
  <si>
    <t>参照&gt; 学習&gt; トレーニングのタイプ</t>
  </si>
  <si>
    <t>参照&gt; 学習&gt; トレーニングのベンダ</t>
  </si>
  <si>
    <t>参照&gt; パフォーマンス&gt; コンピテンシーカタログ</t>
  </si>
  <si>
    <t>廃棄 （ コンピテンシーコネクタにより代替された）</t>
  </si>
  <si>
    <t>参照&gt; パフォーマンス&gt; コンピテンシーソース</t>
  </si>
  <si>
    <t>参照&gt; パフォーマンス&gt; コンピテンシータイプ</t>
  </si>
  <si>
    <t>参照&gt;物理的リソース&gt; カスタムリソース</t>
  </si>
  <si>
    <t>参照&gt;物理的リソース&gt; 機器</t>
  </si>
  <si>
    <t>参照&gt;物理的リソース&gt; 機器ステータス</t>
  </si>
  <si>
    <t>参照&gt;物理的リソース&gt; 機器タイプ</t>
  </si>
  <si>
    <t>参照&gt;物理的リソース&gt; 施設</t>
  </si>
  <si>
    <t>参照&gt;物理的リソース&gt;場所</t>
  </si>
  <si>
    <t>参照&gt;物理的リソース&gt;教材</t>
  </si>
  <si>
    <t>参照&gt;物理的リソース&gt;場所のタイプ</t>
  </si>
  <si>
    <t>システム管理</t>
  </si>
  <si>
    <t>システム管理&gt; 設定&gt; VLS 設定</t>
  </si>
  <si>
    <t>システム管理&gt; ツール </t>
  </si>
  <si>
    <t>システム管理&gt; ツール&gt; AICC インポート</t>
  </si>
  <si>
    <t>参照&gt; システム管理&gt;  承認プロセス</t>
  </si>
  <si>
    <t>参照&gt; システム管理&gt;  承認の役割</t>
  </si>
  <si>
    <t>参照&gt; システム管理&gt; 電子署名意味コード</t>
  </si>
  <si>
    <t>場所変更 ユーザーの学習管理</t>
  </si>
  <si>
    <t>参照&gt; システム管理&gt; 数値形式パターン</t>
  </si>
  <si>
    <t>参照&gt; システム管理&gt;  評価スケール</t>
  </si>
  <si>
    <t>参照&gt; システム管理&gt;  レポートグループ</t>
  </si>
  <si>
    <t>参照&gt; ユーザー管理&gt; 社員タイプ</t>
  </si>
  <si>
    <t>参照&gt; ユーザー管理&gt; 社員クラス</t>
  </si>
  <si>
    <t>参照&gt; ユーザー管理&gt; 学位のタイプ</t>
  </si>
  <si>
    <t>参照&gt; ユーザー管理&gt;  障害区分</t>
  </si>
  <si>
    <t>参照&gt; ユーザー管理&gt;社員ステータス</t>
  </si>
  <si>
    <t>参照&gt; ユーザー管理&gt; 職級</t>
  </si>
  <si>
    <t>参照&gt; ユーザー管理&gt;  言語スキル</t>
  </si>
  <si>
    <t>参照&gt; ユーザー管理&gt; 組織タイプ</t>
  </si>
  <si>
    <t>参照&gt; ユーザー管理&gt;標準臨時</t>
  </si>
  <si>
    <t>参照&gt; 社員管理&gt; 標準/臨時</t>
  </si>
  <si>
    <t>参照&gt; 社員管理&gt; セキュリティクリアランスタイプ</t>
  </si>
  <si>
    <t>参照&gt; ユーザー管理&gt; 人物調査のタイプ</t>
  </si>
  <si>
    <t>レポート</t>
  </si>
  <si>
    <t>システム管理&gt; アプリケーション管理</t>
  </si>
  <si>
    <t>場所変更 システム管理&gt; セキュリティ</t>
  </si>
  <si>
    <t>システム管理&gt; アプリケーション管理&gt; 管理者管理</t>
  </si>
  <si>
    <t>システム管理&gt; セキュリティ&gt; 管理者</t>
  </si>
  <si>
    <t>システム管理&gt; アプリケーション管理&gt; 自動生成 ID</t>
  </si>
  <si>
    <t>システム管理&gt; アプリケーション管理&gt; ブランド</t>
  </si>
  <si>
    <t>システム管理&gt; アプリケーション管理&gt; サイト</t>
  </si>
  <si>
    <t>システム管理&gt; アプリケーション管理&gt; ユーザーの紹介</t>
  </si>
  <si>
    <t>システム管理&gt; セキュリティ&gt; ドメイン</t>
  </si>
  <si>
    <t>システム管理&gt; セキュリティ&gt; セキュリティ ドメイン</t>
  </si>
  <si>
    <t>システム管理&gt; セキュリティ&gt; ドメイン制限</t>
  </si>
  <si>
    <t>システム管理&gt; セキュリティ&gt;セキュリティドメイングループ</t>
  </si>
  <si>
    <t>システム管理&gt; セキュリティ&gt; 役割管理</t>
  </si>
  <si>
    <t>システム管理&gt; 自動プロセス&gt; 割当プロファイルの同期</t>
  </si>
  <si>
    <t>システム管理&gt; 自動プロセス&gt; 割当プロファイル更新実行</t>
  </si>
  <si>
    <t>システム管理&gt; 自動プロセス&gt; 添付ファイル割当制限の監視通知</t>
  </si>
  <si>
    <t>システム管理&gt; 自動プロセス&gt; 添付ファイル容量超過電子メール通知</t>
  </si>
  <si>
    <t>システム管理&gt; 自動プロセス&gt; ライブラリ価格変更の電子メール通知</t>
  </si>
  <si>
    <t>システム管理&gt; 自動プロセス&gt; カタログ価格の更新</t>
  </si>
  <si>
    <t>システム管理&gt; 自動プロセス&gt; 承認プロセスのクリーンアップ</t>
  </si>
  <si>
    <t>システム管理&gt; 自動プロセス&gt; 承認プロセスの再開または停止</t>
  </si>
  <si>
    <t>システム管理&gt; 自動プロセス&gt; バックグラウンドジョブのクリーンアップ</t>
  </si>
  <si>
    <t>システム管理&gt; 自動プロセス&gt; 過去のバックグラウンドレポートの消去</t>
  </si>
  <si>
    <t>システム管理&gt; 自動プロセス&gt; バックグラウンドレポートのクリーンアップ</t>
  </si>
  <si>
    <t>システム管理&gt; 自動プロセス&gt; クリーンアップ締切超過アイテム評価の編集</t>
  </si>
  <si>
    <t>システム管理&gt; 自動プロセス&gt; クーポン期限切れの通知</t>
  </si>
  <si>
    <t>システム管理&gt; 自動プロセス&gt; カリキュラム/プログラムのクリーンアップ</t>
  </si>
  <si>
    <t>システム管理&gt; 自動プロセス&gt; 期限切れ承認プロセスの拒否</t>
  </si>
  <si>
    <t>システム管理&gt; 自動プロセス&gt; 評価の同期</t>
  </si>
  <si>
    <t>システム管理&gt; 自動プロセス&gt; 社外学習申請の確認リマインダ</t>
  </si>
  <si>
    <t>システム管理&gt; 自動プロセス&gt;Jam グループの通知</t>
  </si>
  <si>
    <t>システム管理&gt; 自動プロセス&gt; アイテム申請のクリーンアップ</t>
  </si>
  <si>
    <t>システム管理&gt; 自動プロセス&gt; アイテムスケジュールの申請通知</t>
  </si>
  <si>
    <t>システム管理&gt; 自動プロセス&gt; 学習時間切れの通知</t>
  </si>
  <si>
    <t>システム管理&gt; 自動プロセス&gt; 学習プランの通知</t>
  </si>
  <si>
    <t>システム管理&gt; 自動プロセス&gt; ネイティブユーザー削除</t>
  </si>
  <si>
    <t>システム管理&gt; 自動プロセス&gt; ネイティブユーザーデータ保持</t>
  </si>
  <si>
    <t>システム管理&gt; 自動プロセス&gt; オープンコンテンツネットワークコンテンツの同期</t>
  </si>
  <si>
    <t>システム管理&gt; 自動プロセス&gt; Power Search の同期</t>
  </si>
  <si>
    <t>システム管理&gt; 自動プロセス&gt; Power Search の最適化</t>
  </si>
  <si>
    <t>システム管理&gt; 自動プロセス&gt; 注文書の最低残高通知</t>
  </si>
  <si>
    <t>システム管理&gt; 自動プロセス&gt; 削除済みユーザーの監査履歴の消去</t>
  </si>
  <si>
    <t>システム管理&gt; 自動プロセス&gt; 期限切れのカタログコンテンツ消去</t>
  </si>
  <si>
    <t>システム管理&gt; 自動プロセス&gt; 組織ダッシュボードデータの更新</t>
  </si>
  <si>
    <t>システム管理&gt; 自動プロセス&gt; オンラインユーザーアイテム通知のリセット</t>
  </si>
  <si>
    <t>システム管理&gt; 自動プロセス&gt; VLS 出席手続き</t>
  </si>
  <si>
    <t>システム管理&gt; 自動プロセス&gt; 空席待ちを申請リストに追加</t>
  </si>
  <si>
    <t>システム管理&gt; 自動プロセス&gt; 開催日程配布の通知</t>
  </si>
  <si>
    <t>システム管理&gt; 自動プロセス&gt; 購読有効期限の通知</t>
  </si>
  <si>
    <t>システム管理&gt; 自動プロセス&gt; ユーザーが申請した開催日程通知</t>
  </si>
  <si>
    <t>システム管理&gt; 自動プロセス&gt; 推奨事項ニュースレター</t>
  </si>
  <si>
    <t>システム管理&gt; 自動プロセス&gt; プログラム登録/取消</t>
  </si>
  <si>
    <t>システム管理&gt; 自動プロセス&gt; インストラクター基準コストの設定</t>
  </si>
  <si>
    <t>システム管理&gt; 自動プロセス&gt; アカウント申請承認プロセスの設定</t>
  </si>
  <si>
    <t>システム管理&gt; 自動プロセス&gt; ユーザー作成アカウントのリマインダ</t>
  </si>
  <si>
    <t>システム管理&gt; 自動プロセス&gt; 社員登録ダイジェスト</t>
  </si>
  <si>
    <t>システム管理&gt; 自動プロセス&gt; 無料購読有効期限の電子メール通知</t>
  </si>
  <si>
    <t>システム管理&gt; 自動プロセス&gt; プログラム VLS 登録/取消</t>
  </si>
  <si>
    <t>システム管理&gt; 自動プロセス&gt; クーポン期限切れの電子メール通知</t>
  </si>
  <si>
    <t>システム管理&gt; 自動プロセス&gt; カリキュラム/プログラムのメンテナンス</t>
  </si>
  <si>
    <t>システム管理&gt; 自動プロセス&gt; コースのフィードバックおよびフォローアップアンケートの電子メール通知</t>
  </si>
  <si>
    <t>システム管理&gt; 自動プロセス&gt; 社外学習申請の確認承認リマインダ</t>
  </si>
  <si>
    <t>システム管理&gt; 自動プロセス&gt; Jamグループへの招待の送信</t>
  </si>
  <si>
    <t>システム管理&gt; 自動プロセス&gt; クラス申請の消去</t>
  </si>
  <si>
    <t>システム管理&gt; 自動プロセス&gt; クラス申請の最小催行人数達成電子メール通知</t>
  </si>
  <si>
    <t>システム管理&gt; 自動プロセス&gt; 学習時間切れの電子メール通知</t>
  </si>
  <si>
    <t>システム管理&gt; 自動プロセス&gt; 学習プランの電子メール通知</t>
  </si>
  <si>
    <t>システム管理&gt; 自動プロセス&gt; プリペイドアカウント最低残高の電子メール通知</t>
  </si>
  <si>
    <t>システム管理&gt; 自動プロセス&gt; 期限切れのライブラリアイテム消去</t>
  </si>
  <si>
    <t>システム管理&gt; 自動プロセス&gt; オンラインアイテム進行状況のリセット</t>
  </si>
  <si>
    <t>システム管理&gt; 自動プロセス&gt; VLS 出席処理</t>
  </si>
  <si>
    <t>システム管理&gt; 自動プロセス&gt; 空席待ちリストから申請リストにユーザーを移動</t>
  </si>
  <si>
    <t>システム管理&gt; 自動プロセス&gt; ユーザー作成アカウント承認のリマインダ</t>
  </si>
  <si>
    <t>システム管理&gt; 自動プロセス&gt; ユーザーアカウント申請承認プロセスの設定</t>
  </si>
  <si>
    <t>システム管理&gt; 自動プロセス&gt; 登録ダイジェストのマネージャー電子メール通知</t>
  </si>
  <si>
    <t>場所変更 システム管理&gt; コネクター</t>
  </si>
  <si>
    <t>場所変更 システム管理&gt; コネクター</t>
  </si>
  <si>
    <t>システム管理&gt; コネクター&gt; アカウントコードコネクター</t>
  </si>
  <si>
    <t>システム管理&gt; コネクター&gt; 管理者コネクター</t>
  </si>
  <si>
    <t>システム管理&gt; コネクター&gt; 代替職務コードコネクター</t>
  </si>
  <si>
    <t>システム管理&gt; コネクター&gt; コンピテンシーコネクター - SF</t>
  </si>
  <si>
    <t>システム管理&gt; コネクター&gt; カリキュラムコネクター</t>
  </si>
  <si>
    <t>システム管理&gt; コネクター&gt; ドメインコネクター</t>
  </si>
  <si>
    <t>システム管理&gt; コネクター &gt; セキュリティドメインコネクター</t>
  </si>
  <si>
    <t>システム管理&gt; コネクター&gt; アイテムコネクター</t>
  </si>
  <si>
    <t>システム管理&gt; コネクター&gt; スキルソフトコネクター</t>
  </si>
  <si>
    <t>システム管理&gt; コネクター&gt; 職務コードコネクター</t>
  </si>
  <si>
    <t>システム管理&gt; コネクター&gt; 学習履歴コネクター</t>
  </si>
  <si>
    <t>システム管理&gt; コネクター&gt; 組織コネクター</t>
  </si>
  <si>
    <t>システム管理&gt; コネクター&gt; 組織所有者コネクター</t>
  </si>
  <si>
    <t>システム管理&gt; コネクター&gt; 個人 ID コネクター</t>
  </si>
  <si>
    <t>システム管理&gt; コネクター&gt; ポジションコネクター</t>
  </si>
  <si>
    <t>システム管理&gt; コネクター&gt; 登録コネクター</t>
  </si>
  <si>
    <t>システム管理&gt; コネクター&gt; 開催日程コネクター</t>
  </si>
  <si>
    <t>システム管理&gt; コネクター &gt; クラスコネクター</t>
  </si>
  <si>
    <t>システム管理&gt; コネクター&gt; ユーザーコネクター</t>
  </si>
  <si>
    <t>システム管理&gt; コネクター&gt; ユーザーコネクター - 連邦政府</t>
  </si>
  <si>
    <t>システム管理&gt; コネクター&gt; ユーザーコネクター - SF</t>
  </si>
  <si>
    <t>システム管理&gt; 設定&gt; 証明書テンプレート</t>
  </si>
  <si>
    <t>システム管理&gt; 設定&gt; 修了書テンプレート</t>
  </si>
  <si>
    <t>システム管理&gt; 設定&gt; コネクター設定</t>
  </si>
  <si>
    <t>システム管理&gt; 設定&gt; コンピテンシーアセスメント</t>
  </si>
  <si>
    <t>システム管理&gt; 設定&gt; コンテンツプレーヤー</t>
  </si>
  <si>
    <t>システム管理&gt; 設定&gt; イージーリンク</t>
  </si>
  <si>
    <t>場所変更 システム管理&gt; アプリケーション管理</t>
  </si>
  <si>
    <t>システム管理&gt; 設定&gt; 外部レポート</t>
  </si>
  <si>
    <t>システム管理&gt; 設定&gt; 社外学習申請</t>
  </si>
  <si>
    <t>システム管理&gt; 設定&gt; ゲーミフィケーション設定</t>
  </si>
  <si>
    <t xml:space="preserve">システム管理&gt; 設定&gt; グローバル変数 </t>
  </si>
  <si>
    <t>システム管理&gt; 設定&gt; ランディングページの設定</t>
  </si>
  <si>
    <t>システム管理&gt; 設定&gt; 画像</t>
  </si>
  <si>
    <t>システム管理&gt; 設定&gt; モジュールタブ</t>
  </si>
  <si>
    <t>システム管理&gt; 設定&gt; 通知構文</t>
  </si>
  <si>
    <t>場所変更 システム管理&gt;電子メールの管理</t>
  </si>
  <si>
    <t>システム管理&gt; 電子メールの管理 &gt;電子メール通知の変数セット</t>
  </si>
  <si>
    <t>システム管理&gt; 電子メールの管理 &gt;電子メール通知テンプレート</t>
  </si>
  <si>
    <t>システム管理&gt; 設定&gt; 通知テンプレート</t>
  </si>
  <si>
    <t>システム管理&gt; 設定&gt;OAuth トークンサーバー</t>
  </si>
  <si>
    <t>システム管理&gt; 設定&gt; クイックリンク設定</t>
  </si>
  <si>
    <t>システム管理&gt; 設定&gt; レコード設定</t>
  </si>
  <si>
    <t>システム管理&gt; 設定&gt; 登録設定</t>
  </si>
  <si>
    <t>システム管理&gt; 設定&gt; 検索セレクター</t>
  </si>
  <si>
    <t>システム管理&gt; 設定&gt;  システム設定</t>
  </si>
  <si>
    <t>システム管理&gt; 設定&gt; 人材プロファイル</t>
  </si>
  <si>
    <t>システム管理&gt; 設定&gt; ユーザーパスワード</t>
  </si>
  <si>
    <t>システム管理&gt; セキュリティ &gt; ユーザーパスワードの設定</t>
  </si>
  <si>
    <t>システム管理&gt; 設定&gt; ユーザー設定</t>
  </si>
  <si>
    <t>システム管理&gt; 設定&gt; 同意書</t>
  </si>
  <si>
    <t>システム管理&gt; 設定&gt; ユーザー作成アカウント</t>
  </si>
  <si>
    <t>システム管理&gt; カスタムコラム</t>
  </si>
  <si>
    <t>システム管理&gt; カスタムコラム&gt;  カリキュラム</t>
  </si>
  <si>
    <t>システム管理&gt; カスタムコラム&gt; 試験</t>
  </si>
  <si>
    <t>システム管理&gt; カスタムコラム&gt; クラス</t>
  </si>
  <si>
    <t>システム管理&gt; カスタムフィールド</t>
  </si>
  <si>
    <t>システム管理&gt; カスタムフィールド &gt; クラス</t>
  </si>
  <si>
    <t>システム管理&gt; カスタムフィールド &gt; 受講者グループ</t>
  </si>
  <si>
    <t>システム管理&gt; カスタムコラム&gt;インストラクター</t>
  </si>
  <si>
    <t>システム管理&gt; カスタムコラム&gt; アイテム</t>
  </si>
  <si>
    <t>システム管理&gt; カスタムコラム&gt; 目標</t>
  </si>
  <si>
    <t>システム管理&gt; カスタムコラム&gt; 組織</t>
  </si>
  <si>
    <t>システム管理&gt; カスタムコラム&gt; プログラム</t>
  </si>
  <si>
    <t>システム管理&gt; カスタムコラム&gt; 質問</t>
  </si>
  <si>
    <t>システム管理&gt; カスタムコラム&gt; 開催日程</t>
  </si>
  <si>
    <t>システム管理&gt; カスタムコラム&gt;ユーザー</t>
  </si>
  <si>
    <t>システム管理&gt; カスタムコラム&gt; 職務コード</t>
  </si>
  <si>
    <t>システム管理&gt; カスタムコラム&gt; 登録フォーム</t>
  </si>
  <si>
    <t>システム管理&gt;システム管理ツール </t>
  </si>
  <si>
    <t>システム管理&gt;システム管理ツール&gt; AICC インポート (旧版)</t>
  </si>
  <si>
    <t>システム管理&gt;システム管理ツール&gt; SCORM インポート (旧版)</t>
  </si>
  <si>
    <t>システム管理&gt; ツール&gt; 管理者パスワード</t>
  </si>
  <si>
    <t>システム管理&gt; セキュリティ &gt;全ての管理者パスワードの有効期限を終了</t>
  </si>
  <si>
    <t xml:space="preserve">システム管理&gt; ツール&gt; 添付ファイル使用率	</t>
  </si>
  <si>
    <t>システム管理&gt; ツール&gt; 直接リンク</t>
  </si>
  <si>
    <t>システム管理&gt;システム管理ツール&gt; 直接リンクの生成</t>
  </si>
  <si>
    <t xml:space="preserve">システム管理&gt; ツール&gt; ラベルのインポート/エクスポート	</t>
  </si>
  <si>
    <t>システム管理&gt; ツール&gt; 学習イベントの同期</t>
  </si>
  <si>
    <t>システム管理&gt; ツール&gt; インポートデータ</t>
  </si>
  <si>
    <t xml:space="preserve">システム管理&gt; ツール&gt; データのエクスポート	</t>
  </si>
  <si>
    <t xml:space="preserve">システム管理&gt; ツール&gt; SCORM (旧版) のインポート	</t>
  </si>
  <si>
    <t xml:space="preserve">システム管理&gt; ツール&gt; Offline Player インストーラ	</t>
  </si>
  <si>
    <t xml:space="preserve">システム管理&gt; ツール&gt; コネクターテンプレートのダウンロード	</t>
  </si>
  <si>
    <t xml:space="preserve">システム管理&gt; ツール&gt; 未送信電子メールの管理	</t>
  </si>
  <si>
    <t>システム管理&gt; バックグラウンドジョブ</t>
  </si>
  <si>
    <t>システム管理&gt; 環境</t>
  </si>
  <si>
    <t>ユーザー</t>
  </si>
  <si>
    <t>ユーザー&gt;ユーザー</t>
  </si>
  <si>
    <t>ユーザー&gt; 割当プロファイル</t>
  </si>
  <si>
    <t>ユーザー&gt;  職務コード</t>
  </si>
  <si>
    <t>ユーザー&gt;  ジョブファミリ</t>
  </si>
  <si>
    <t>ユーザー&gt; ポジション</t>
  </si>
  <si>
    <t>ユーザー&gt; 組織</t>
  </si>
  <si>
    <t>ユーザー&gt; 組織グループ</t>
  </si>
  <si>
    <t>ユーザー&gt; 地域</t>
  </si>
  <si>
    <t xml:space="preserve">ユーザー&gt; ツール&gt; 学習の記録 - 会計	</t>
  </si>
  <si>
    <t>ユーザー&gt; ツール&gt; 学習の記録 - 複数</t>
  </si>
  <si>
    <t>ユーザー&gt; ツール&gt; 学習イベントエディタ</t>
  </si>
  <si>
    <t xml:space="preserve">ユーザーの学習管理&gt; 会計による学習履歴の追加	</t>
  </si>
  <si>
    <t>ユーザーの学習管理&gt; 複数コースの学習履歴に追加</t>
  </si>
  <si>
    <t>ユーザーの学習管理&gt; 学習履歴の編集</t>
  </si>
  <si>
    <t>ユーザー&gt; ツール&gt; ユーザーのマージ</t>
  </si>
  <si>
    <t>ユーザー&gt; ツール&gt; 通知の送信</t>
  </si>
  <si>
    <t>ユーザーの学習管理&gt; 電子メール通知の送信</t>
  </si>
  <si>
    <t xml:space="preserve">ユーザー&gt; ツール&gt; スーパーバイザーアシスタント	</t>
  </si>
  <si>
    <t xml:space="preserve">ユーザー&gt; ツール&gt;ユーザーのニーズ管理	</t>
  </si>
  <si>
    <t>ユーザー&gt; ツール&gt; 社外学習申請</t>
  </si>
  <si>
    <t>ユーザー&gt; ツール&gt; 推奨の外部リンク</t>
  </si>
  <si>
    <t>ユーザー&gt; ツール&gt; タスクオブザーバーの割り当て</t>
  </si>
  <si>
    <t>ユーザー&gt;アカウント申請</t>
  </si>
  <si>
    <t>社員&gt;ユーザー アカウント申請</t>
  </si>
  <si>
    <t>ユーザー&gt; グループ</t>
  </si>
  <si>
    <t>社員 &gt; マネージャーアシスタントの変更</t>
  </si>
  <si>
    <t>ユーザーの学習管理&gt; 割当管理</t>
  </si>
  <si>
    <t>ユーザーの学習管理&gt; 社外学習申請の作成</t>
  </si>
  <si>
    <t>システム管理&gt; 自動プロセス&gt; 申請したクラスのアベイラビリティ電子メール通知</t>
  </si>
  <si>
    <t>システム管理&gt; 自動プロセス&gt; 今後のクラスのリマインダ電子メール通知</t>
  </si>
  <si>
    <t>コンテンツ&gt; 文書リンク</t>
  </si>
  <si>
    <t>コンテンツ&gt; 調査</t>
  </si>
  <si>
    <t>参照&gt; 学習活動</t>
  </si>
  <si>
    <t>参照&gt; 学習活動&gt; カテゴリ</t>
  </si>
  <si>
    <t>参照&gt; 社員管理&gt;社員分類</t>
  </si>
  <si>
    <t>参照&gt; 社員管理</t>
  </si>
  <si>
    <t>システム管理&gt; 自動プロセス&gt;過去のバックグラウンドジョブ結果の消去</t>
  </si>
  <si>
    <t>システム管理&gt; 自動プロセス&gt; 締切を超過したコースのフィードバック調査 (オプション) の消去</t>
  </si>
  <si>
    <t>システム管理&gt; 設定&gt;共通アプリケーション設定</t>
  </si>
  <si>
    <t>システム管理&gt; 設定&gt; エンティティ設定（b2005臨時廃除）</t>
  </si>
  <si>
    <t>ユーザーの学習管理&gt; タスク最終確認者の割当</t>
  </si>
  <si>
    <t>社員&gt;ユーザーグループ</t>
  </si>
  <si>
    <t>参照&gt; 学習活動&gt;取消理由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b/>
      <sz val="24"/>
      <color rgb="FF333333"/>
      <name val="Arial"/>
      <family val="2"/>
    </font>
    <font>
      <sz val="7"/>
      <color rgb="FF333333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 style="medium">
        <color rgb="FFDDDDDD"/>
      </top>
      <bottom/>
      <diagonal/>
    </border>
  </borders>
  <cellStyleXfs count="1">
    <xf numFmtId="0" fontId="0" fillId="0" borderId="0"/>
  </cellStyleXfs>
  <cellXfs count="5">
    <xf numFmtId="0" fontId="0" fillId="0" borderId="0" xfId="0"/>
    <xf numFmtId="0" fontId="1" fillId="0" borderId="0" xfId="0" applyFont="1" applyAlignment="1">
      <alignment vertical="center" wrapText="1"/>
    </xf>
    <xf numFmtId="0" fontId="2" fillId="0" borderId="0" xfId="0" applyFont="1" applyAlignment="1">
      <alignment vertical="center" wrapText="1"/>
    </xf>
    <xf numFmtId="0" fontId="4" fillId="0" borderId="1" xfId="0" applyFont="1" applyBorder="1" applyAlignment="1">
      <alignment vertical="top" wrapText="1"/>
    </xf>
    <xf numFmtId="0" fontId="3" fillId="0" borderId="1" xfId="0" applyFont="1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8EED8F-D6BC-4F08-994F-285AC6588DD6}">
  <dimension ref="A1:D295"/>
  <sheetViews>
    <sheetView tabSelected="1" workbookViewId="0">
      <selection activeCell="A4" sqref="A4"/>
    </sheetView>
  </sheetViews>
  <sheetFormatPr defaultRowHeight="14.5" x14ac:dyDescent="0.35"/>
  <cols>
    <col min="1" max="1" width="57.90625" customWidth="1"/>
    <col min="2" max="2" width="33.54296875" customWidth="1"/>
    <col min="3" max="3" width="27" customWidth="1"/>
    <col min="4" max="4" width="41.1796875" customWidth="1"/>
  </cols>
  <sheetData>
    <row r="1" spans="1:4" ht="28" customHeight="1" x14ac:dyDescent="0.35">
      <c r="A1" s="1" t="s">
        <v>9</v>
      </c>
    </row>
    <row r="2" spans="1:4" ht="15" thickBot="1" x14ac:dyDescent="0.4">
      <c r="A2" s="2"/>
    </row>
    <row r="3" spans="1:4" ht="30.5" customHeight="1" thickBot="1" x14ac:dyDescent="0.4">
      <c r="A3" s="3" t="s">
        <v>0</v>
      </c>
      <c r="B3" s="3" t="s">
        <v>1</v>
      </c>
      <c r="C3" s="3" t="s">
        <v>2</v>
      </c>
      <c r="D3" s="3" t="s">
        <v>3</v>
      </c>
    </row>
    <row r="4" spans="1:4" ht="15" thickBot="1" x14ac:dyDescent="0.4">
      <c r="A4" s="4" t="s">
        <v>9</v>
      </c>
      <c r="B4" s="4" t="s">
        <v>8</v>
      </c>
      <c r="C4" s="4" t="s">
        <v>4</v>
      </c>
      <c r="D4" s="4" t="s">
        <v>10</v>
      </c>
    </row>
    <row r="5" spans="1:4" ht="15" thickBot="1" x14ac:dyDescent="0.4">
      <c r="A5" s="4" t="s">
        <v>11</v>
      </c>
      <c r="B5" s="4" t="s">
        <v>8</v>
      </c>
      <c r="C5" s="4" t="s">
        <v>8</v>
      </c>
      <c r="D5" s="4"/>
    </row>
    <row r="6" spans="1:4" ht="15" thickBot="1" x14ac:dyDescent="0.4">
      <c r="A6" s="4" t="s">
        <v>12</v>
      </c>
      <c r="B6" s="4" t="s">
        <v>14</v>
      </c>
      <c r="C6" s="4" t="s">
        <v>8</v>
      </c>
      <c r="D6" s="4"/>
    </row>
    <row r="7" spans="1:4" ht="15" thickBot="1" x14ac:dyDescent="0.4">
      <c r="A7" s="4" t="s">
        <v>13</v>
      </c>
      <c r="B7" s="4" t="s">
        <v>8</v>
      </c>
      <c r="C7" s="4" t="s">
        <v>8</v>
      </c>
      <c r="D7" s="4"/>
    </row>
    <row r="8" spans="1:4" ht="28.5" thickBot="1" x14ac:dyDescent="0.4">
      <c r="A8" s="4" t="s">
        <v>15</v>
      </c>
      <c r="B8" s="4" t="s">
        <v>8</v>
      </c>
      <c r="C8" s="4" t="s">
        <v>4</v>
      </c>
      <c r="D8" s="4" t="s">
        <v>17</v>
      </c>
    </row>
    <row r="9" spans="1:4" ht="15" thickBot="1" x14ac:dyDescent="0.4">
      <c r="A9" s="4" t="s">
        <v>16</v>
      </c>
      <c r="B9" s="4" t="s">
        <v>8</v>
      </c>
      <c r="C9" s="4" t="s">
        <v>8</v>
      </c>
      <c r="D9" s="4"/>
    </row>
    <row r="10" spans="1:4" ht="15" thickBot="1" x14ac:dyDescent="0.4">
      <c r="A10" s="4" t="s">
        <v>18</v>
      </c>
      <c r="B10" s="4" t="s">
        <v>8</v>
      </c>
      <c r="C10" s="4" t="s">
        <v>8</v>
      </c>
      <c r="D10" s="4"/>
    </row>
    <row r="11" spans="1:4" ht="15" thickBot="1" x14ac:dyDescent="0.4">
      <c r="A11" s="4" t="s">
        <v>20</v>
      </c>
      <c r="B11" s="4" t="s">
        <v>8</v>
      </c>
      <c r="C11" s="4" t="s">
        <v>4</v>
      </c>
      <c r="D11" s="4" t="s">
        <v>19</v>
      </c>
    </row>
    <row r="12" spans="1:4" ht="15" thickBot="1" x14ac:dyDescent="0.4">
      <c r="A12" s="4" t="s">
        <v>21</v>
      </c>
      <c r="B12" s="4" t="s">
        <v>8</v>
      </c>
      <c r="C12" s="4" t="s">
        <v>4</v>
      </c>
      <c r="D12" s="4" t="s">
        <v>22</v>
      </c>
    </row>
    <row r="13" spans="1:4" ht="15" thickBot="1" x14ac:dyDescent="0.4">
      <c r="A13" s="4" t="s">
        <v>23</v>
      </c>
      <c r="B13" s="4" t="s">
        <v>24</v>
      </c>
      <c r="C13" s="4"/>
      <c r="D13" s="4"/>
    </row>
    <row r="14" spans="1:4" ht="28.5" thickBot="1" x14ac:dyDescent="0.4">
      <c r="A14" s="4" t="s">
        <v>25</v>
      </c>
      <c r="B14" s="4" t="s">
        <v>24</v>
      </c>
      <c r="C14" s="4"/>
      <c r="D14" s="4"/>
    </row>
    <row r="15" spans="1:4" ht="28.5" thickBot="1" x14ac:dyDescent="0.4">
      <c r="A15" s="4" t="s">
        <v>26</v>
      </c>
      <c r="B15" s="4" t="s">
        <v>28</v>
      </c>
      <c r="C15" s="4" t="s">
        <v>4</v>
      </c>
      <c r="D15" s="4" t="s">
        <v>29</v>
      </c>
    </row>
    <row r="16" spans="1:4" ht="28" x14ac:dyDescent="0.35">
      <c r="A16" s="4" t="s">
        <v>27</v>
      </c>
      <c r="B16" s="4" t="s">
        <v>28</v>
      </c>
      <c r="C16" s="4" t="s">
        <v>4</v>
      </c>
      <c r="D16" s="4" t="s">
        <v>29</v>
      </c>
    </row>
    <row r="18" spans="1:4" ht="30" x14ac:dyDescent="0.35">
      <c r="A18" s="1" t="s">
        <v>30</v>
      </c>
    </row>
    <row r="19" spans="1:4" ht="15" thickBot="1" x14ac:dyDescent="0.4">
      <c r="A19" s="2"/>
    </row>
    <row r="20" spans="1:4" ht="25.5" customHeight="1" thickBot="1" x14ac:dyDescent="0.4">
      <c r="A20" s="3" t="s">
        <v>0</v>
      </c>
      <c r="B20" s="3" t="s">
        <v>1</v>
      </c>
      <c r="C20" s="3" t="s">
        <v>2</v>
      </c>
      <c r="D20" s="3" t="s">
        <v>3</v>
      </c>
    </row>
    <row r="21" spans="1:4" ht="15" thickBot="1" x14ac:dyDescent="0.4">
      <c r="A21" s="4" t="s">
        <v>30</v>
      </c>
      <c r="B21" s="4" t="s">
        <v>8</v>
      </c>
      <c r="C21" s="4" t="s">
        <v>8</v>
      </c>
      <c r="D21" s="4"/>
    </row>
    <row r="22" spans="1:4" ht="15" thickBot="1" x14ac:dyDescent="0.4">
      <c r="A22" s="4" t="s">
        <v>31</v>
      </c>
      <c r="B22" s="4" t="s">
        <v>8</v>
      </c>
      <c r="C22" s="4" t="s">
        <v>8</v>
      </c>
      <c r="D22" s="4"/>
    </row>
    <row r="23" spans="1:4" ht="15" thickBot="1" x14ac:dyDescent="0.4">
      <c r="A23" s="4" t="s">
        <v>32</v>
      </c>
      <c r="B23" s="4" t="s">
        <v>8</v>
      </c>
      <c r="C23" s="4" t="s">
        <v>8</v>
      </c>
      <c r="D23" s="4"/>
    </row>
    <row r="24" spans="1:4" ht="15" thickBot="1" x14ac:dyDescent="0.4">
      <c r="A24" s="4" t="s">
        <v>33</v>
      </c>
      <c r="B24" s="4" t="s">
        <v>8</v>
      </c>
      <c r="C24" s="4" t="s">
        <v>8</v>
      </c>
      <c r="D24" s="4"/>
    </row>
    <row r="25" spans="1:4" ht="15" thickBot="1" x14ac:dyDescent="0.4">
      <c r="A25" s="4" t="s">
        <v>34</v>
      </c>
      <c r="B25" s="4" t="s">
        <v>8</v>
      </c>
      <c r="C25" s="4" t="s">
        <v>8</v>
      </c>
      <c r="D25" s="4"/>
    </row>
    <row r="26" spans="1:4" ht="15" thickBot="1" x14ac:dyDescent="0.4">
      <c r="A26" s="4" t="s">
        <v>35</v>
      </c>
      <c r="B26" s="4" t="s">
        <v>8</v>
      </c>
      <c r="C26" s="4" t="s">
        <v>8</v>
      </c>
      <c r="D26" s="4"/>
    </row>
    <row r="27" spans="1:4" ht="15" thickBot="1" x14ac:dyDescent="0.4">
      <c r="A27" s="4" t="s">
        <v>36</v>
      </c>
      <c r="B27" s="4" t="s">
        <v>8</v>
      </c>
      <c r="C27" s="4" t="s">
        <v>4</v>
      </c>
      <c r="D27" s="4" t="s">
        <v>37</v>
      </c>
    </row>
    <row r="28" spans="1:4" ht="15" thickBot="1" x14ac:dyDescent="0.4">
      <c r="A28" s="4" t="s">
        <v>38</v>
      </c>
      <c r="B28" s="4" t="s">
        <v>8</v>
      </c>
      <c r="C28" s="4" t="s">
        <v>4</v>
      </c>
      <c r="D28" s="4" t="s">
        <v>39</v>
      </c>
    </row>
    <row r="29" spans="1:4" ht="15" thickBot="1" x14ac:dyDescent="0.4">
      <c r="A29" s="4" t="s">
        <v>41</v>
      </c>
      <c r="B29" s="4" t="s">
        <v>40</v>
      </c>
      <c r="C29" s="4" t="s">
        <v>8</v>
      </c>
      <c r="D29" s="4"/>
    </row>
    <row r="30" spans="1:4" ht="15" thickBot="1" x14ac:dyDescent="0.4">
      <c r="A30" s="4" t="s">
        <v>42</v>
      </c>
      <c r="B30" s="4" t="s">
        <v>40</v>
      </c>
      <c r="C30" s="4" t="s">
        <v>8</v>
      </c>
      <c r="D30" s="4"/>
    </row>
    <row r="31" spans="1:4" ht="28.5" thickBot="1" x14ac:dyDescent="0.4">
      <c r="A31" s="4" t="s">
        <v>43</v>
      </c>
      <c r="B31" s="4" t="s">
        <v>40</v>
      </c>
      <c r="C31" s="4" t="s">
        <v>4</v>
      </c>
      <c r="D31" s="4" t="s">
        <v>44</v>
      </c>
    </row>
    <row r="32" spans="1:4" ht="15" thickBot="1" x14ac:dyDescent="0.4">
      <c r="A32" s="4" t="s">
        <v>45</v>
      </c>
      <c r="B32" s="4" t="s">
        <v>8</v>
      </c>
      <c r="C32" s="4" t="s">
        <v>4</v>
      </c>
      <c r="D32" s="4" t="s">
        <v>374</v>
      </c>
    </row>
    <row r="33" spans="1:4" x14ac:dyDescent="0.35">
      <c r="A33" s="4" t="s">
        <v>46</v>
      </c>
      <c r="B33" s="4" t="s">
        <v>47</v>
      </c>
      <c r="C33" s="4" t="s">
        <v>4</v>
      </c>
      <c r="D33" s="4" t="s">
        <v>48</v>
      </c>
    </row>
    <row r="35" spans="1:4" ht="30" x14ac:dyDescent="0.35">
      <c r="A35" s="1" t="s">
        <v>5</v>
      </c>
    </row>
    <row r="37" spans="1:4" x14ac:dyDescent="0.35">
      <c r="A37" s="2" t="s">
        <v>8</v>
      </c>
    </row>
    <row r="39" spans="1:4" ht="30" x14ac:dyDescent="0.35">
      <c r="A39" s="1" t="s">
        <v>6</v>
      </c>
    </row>
    <row r="41" spans="1:4" x14ac:dyDescent="0.35">
      <c r="A41" s="2" t="s">
        <v>8</v>
      </c>
    </row>
    <row r="43" spans="1:4" ht="30" x14ac:dyDescent="0.35">
      <c r="A43" s="1" t="s">
        <v>49</v>
      </c>
    </row>
    <row r="44" spans="1:4" ht="15" thickBot="1" x14ac:dyDescent="0.4">
      <c r="A44" s="2"/>
    </row>
    <row r="45" spans="1:4" ht="15" thickBot="1" x14ac:dyDescent="0.4">
      <c r="A45" s="3" t="s">
        <v>0</v>
      </c>
      <c r="B45" s="3" t="s">
        <v>1</v>
      </c>
      <c r="C45" s="3" t="s">
        <v>2</v>
      </c>
      <c r="D45" s="3" t="s">
        <v>3</v>
      </c>
    </row>
    <row r="46" spans="1:4" ht="15" thickBot="1" x14ac:dyDescent="0.4">
      <c r="A46" s="4" t="s">
        <v>49</v>
      </c>
      <c r="B46" s="4" t="s">
        <v>8</v>
      </c>
      <c r="C46" s="4" t="s">
        <v>4</v>
      </c>
      <c r="D46" s="4" t="s">
        <v>51</v>
      </c>
    </row>
    <row r="47" spans="1:4" ht="15" thickBot="1" x14ac:dyDescent="0.4">
      <c r="A47" s="4" t="s">
        <v>54</v>
      </c>
      <c r="B47" s="4" t="s">
        <v>8</v>
      </c>
      <c r="C47" s="4" t="s">
        <v>8</v>
      </c>
      <c r="D47" s="4"/>
    </row>
    <row r="48" spans="1:4" ht="15" thickBot="1" x14ac:dyDescent="0.4">
      <c r="A48" s="4" t="s">
        <v>53</v>
      </c>
      <c r="B48" s="4" t="s">
        <v>8</v>
      </c>
      <c r="C48" s="4" t="s">
        <v>4</v>
      </c>
      <c r="D48" s="4" t="s">
        <v>52</v>
      </c>
    </row>
    <row r="49" spans="1:4" ht="15" thickBot="1" x14ac:dyDescent="0.4">
      <c r="A49" s="4" t="s">
        <v>50</v>
      </c>
      <c r="B49" s="4" t="s">
        <v>55</v>
      </c>
      <c r="C49" s="4" t="s">
        <v>4</v>
      </c>
      <c r="D49" s="4" t="s">
        <v>57</v>
      </c>
    </row>
    <row r="50" spans="1:4" ht="15" thickBot="1" x14ac:dyDescent="0.4">
      <c r="A50" s="4" t="s">
        <v>59</v>
      </c>
      <c r="B50" s="4" t="s">
        <v>8</v>
      </c>
      <c r="C50" s="4" t="s">
        <v>4</v>
      </c>
      <c r="D50" s="4" t="s">
        <v>58</v>
      </c>
    </row>
    <row r="51" spans="1:4" ht="15" thickBot="1" x14ac:dyDescent="0.4">
      <c r="A51" s="4" t="s">
        <v>60</v>
      </c>
      <c r="B51" s="4" t="s">
        <v>8</v>
      </c>
      <c r="C51" s="4" t="s">
        <v>4</v>
      </c>
      <c r="D51" s="4" t="s">
        <v>61</v>
      </c>
    </row>
    <row r="52" spans="1:4" ht="15" thickBot="1" x14ac:dyDescent="0.4">
      <c r="A52" s="4" t="s">
        <v>62</v>
      </c>
      <c r="B52" s="4" t="s">
        <v>8</v>
      </c>
      <c r="C52" s="4" t="s">
        <v>8</v>
      </c>
      <c r="D52" s="4"/>
    </row>
    <row r="53" spans="1:4" ht="15" thickBot="1" x14ac:dyDescent="0.4">
      <c r="A53" s="4" t="s">
        <v>63</v>
      </c>
      <c r="B53" s="4" t="s">
        <v>8</v>
      </c>
      <c r="C53" s="4" t="s">
        <v>8</v>
      </c>
      <c r="D53" s="4"/>
    </row>
    <row r="54" spans="1:4" ht="15" thickBot="1" x14ac:dyDescent="0.4">
      <c r="A54" s="4" t="s">
        <v>64</v>
      </c>
      <c r="B54" s="4" t="s">
        <v>8</v>
      </c>
      <c r="C54" s="4" t="s">
        <v>4</v>
      </c>
      <c r="D54" s="4" t="s">
        <v>65</v>
      </c>
    </row>
    <row r="55" spans="1:4" ht="15" thickBot="1" x14ac:dyDescent="0.4">
      <c r="A55" s="4" t="s">
        <v>66</v>
      </c>
      <c r="B55" s="4" t="s">
        <v>40</v>
      </c>
      <c r="C55" s="4" t="s">
        <v>4</v>
      </c>
      <c r="D55" s="4" t="s">
        <v>375</v>
      </c>
    </row>
    <row r="56" spans="1:4" ht="28.5" thickBot="1" x14ac:dyDescent="0.4">
      <c r="A56" s="4" t="s">
        <v>67</v>
      </c>
      <c r="B56" s="4" t="s">
        <v>40</v>
      </c>
      <c r="C56" s="4" t="s">
        <v>4</v>
      </c>
      <c r="D56" s="4" t="s">
        <v>68</v>
      </c>
    </row>
    <row r="57" spans="1:4" ht="15" thickBot="1" x14ac:dyDescent="0.4">
      <c r="A57" s="4" t="s">
        <v>69</v>
      </c>
      <c r="B57" s="4" t="s">
        <v>55</v>
      </c>
      <c r="C57" s="4" t="s">
        <v>8</v>
      </c>
      <c r="D57" s="4"/>
    </row>
    <row r="58" spans="1:4" ht="15" thickBot="1" x14ac:dyDescent="0.4">
      <c r="A58" s="4" t="s">
        <v>70</v>
      </c>
      <c r="B58" s="4" t="s">
        <v>8</v>
      </c>
      <c r="C58" s="4" t="s">
        <v>8</v>
      </c>
      <c r="D58" s="4"/>
    </row>
    <row r="59" spans="1:4" ht="15" thickBot="1" x14ac:dyDescent="0.4">
      <c r="A59" s="4" t="s">
        <v>71</v>
      </c>
      <c r="B59" s="4" t="s">
        <v>8</v>
      </c>
      <c r="C59" s="4" t="s">
        <v>8</v>
      </c>
      <c r="D59" s="4"/>
    </row>
    <row r="60" spans="1:4" ht="15" thickBot="1" x14ac:dyDescent="0.4">
      <c r="A60" s="4" t="s">
        <v>72</v>
      </c>
      <c r="B60" s="4" t="s">
        <v>40</v>
      </c>
      <c r="C60" s="4" t="s">
        <v>8</v>
      </c>
      <c r="D60" s="4"/>
    </row>
    <row r="61" spans="1:4" ht="15" thickBot="1" x14ac:dyDescent="0.4">
      <c r="A61" s="4" t="s">
        <v>73</v>
      </c>
      <c r="B61" s="4" t="s">
        <v>28</v>
      </c>
      <c r="C61" s="4" t="s">
        <v>4</v>
      </c>
      <c r="D61" s="4" t="s">
        <v>77</v>
      </c>
    </row>
    <row r="62" spans="1:4" ht="15" thickBot="1" x14ac:dyDescent="0.4">
      <c r="A62" s="4" t="s">
        <v>74</v>
      </c>
      <c r="B62" s="4" t="s">
        <v>28</v>
      </c>
      <c r="C62" s="4" t="s">
        <v>4</v>
      </c>
      <c r="D62" s="4" t="s">
        <v>78</v>
      </c>
    </row>
    <row r="63" spans="1:4" ht="28.5" thickBot="1" x14ac:dyDescent="0.4">
      <c r="A63" s="4" t="s">
        <v>75</v>
      </c>
      <c r="B63" s="4" t="s">
        <v>28</v>
      </c>
      <c r="C63" s="4" t="s">
        <v>4</v>
      </c>
      <c r="D63" s="4" t="s">
        <v>76</v>
      </c>
    </row>
    <row r="64" spans="1:4" ht="15" thickBot="1" x14ac:dyDescent="0.4">
      <c r="A64" s="4" t="s">
        <v>80</v>
      </c>
      <c r="B64" s="4" t="s">
        <v>24</v>
      </c>
      <c r="C64" s="4"/>
      <c r="D64" s="4"/>
    </row>
    <row r="65" spans="1:4" ht="15" thickBot="1" x14ac:dyDescent="0.4">
      <c r="A65" s="4" t="s">
        <v>79</v>
      </c>
      <c r="B65" s="4" t="s">
        <v>83</v>
      </c>
      <c r="C65" s="4" t="s">
        <v>4</v>
      </c>
      <c r="D65" s="4" t="s">
        <v>84</v>
      </c>
    </row>
    <row r="66" spans="1:4" ht="15" thickBot="1" x14ac:dyDescent="0.4">
      <c r="A66" s="4" t="s">
        <v>81</v>
      </c>
      <c r="B66" s="4" t="s">
        <v>28</v>
      </c>
      <c r="C66" s="4" t="s">
        <v>4</v>
      </c>
      <c r="D66" s="4" t="s">
        <v>82</v>
      </c>
    </row>
    <row r="67" spans="1:4" x14ac:dyDescent="0.35">
      <c r="A67" s="4" t="s">
        <v>86</v>
      </c>
      <c r="B67" s="4" t="s">
        <v>40</v>
      </c>
      <c r="C67" s="4" t="s">
        <v>4</v>
      </c>
      <c r="D67" s="4" t="s">
        <v>85</v>
      </c>
    </row>
    <row r="69" spans="1:4" ht="30" x14ac:dyDescent="0.35">
      <c r="A69" s="1" t="s">
        <v>87</v>
      </c>
    </row>
    <row r="70" spans="1:4" ht="15" thickBot="1" x14ac:dyDescent="0.4">
      <c r="A70" s="2"/>
    </row>
    <row r="71" spans="1:4" ht="15" thickBot="1" x14ac:dyDescent="0.4">
      <c r="A71" s="3" t="s">
        <v>0</v>
      </c>
      <c r="B71" s="3" t="s">
        <v>1</v>
      </c>
      <c r="C71" s="3" t="s">
        <v>2</v>
      </c>
      <c r="D71" s="3" t="s">
        <v>3</v>
      </c>
    </row>
    <row r="72" spans="1:4" ht="15" thickBot="1" x14ac:dyDescent="0.4">
      <c r="A72" s="4" t="s">
        <v>89</v>
      </c>
      <c r="B72" s="4" t="s">
        <v>8</v>
      </c>
      <c r="C72" s="4" t="s">
        <v>8</v>
      </c>
      <c r="D72" s="4"/>
    </row>
    <row r="73" spans="1:4" ht="15" thickBot="1" x14ac:dyDescent="0.4">
      <c r="A73" s="4" t="s">
        <v>91</v>
      </c>
      <c r="B73" s="4" t="s">
        <v>8</v>
      </c>
      <c r="C73" s="4" t="s">
        <v>8</v>
      </c>
      <c r="D73" s="4"/>
    </row>
    <row r="74" spans="1:4" ht="15" thickBot="1" x14ac:dyDescent="0.4">
      <c r="A74" s="4" t="s">
        <v>90</v>
      </c>
      <c r="B74" s="4" t="s">
        <v>8</v>
      </c>
      <c r="C74" s="4" t="s">
        <v>8</v>
      </c>
      <c r="D74" s="4"/>
    </row>
    <row r="75" spans="1:4" ht="15" thickBot="1" x14ac:dyDescent="0.4">
      <c r="A75" s="4" t="s">
        <v>92</v>
      </c>
      <c r="B75" s="4" t="s">
        <v>8</v>
      </c>
      <c r="C75" s="4" t="s">
        <v>8</v>
      </c>
      <c r="D75" s="4"/>
    </row>
    <row r="76" spans="1:4" ht="15" thickBot="1" x14ac:dyDescent="0.4">
      <c r="A76" s="4" t="s">
        <v>93</v>
      </c>
      <c r="B76" s="4" t="s">
        <v>8</v>
      </c>
      <c r="C76" s="4" t="s">
        <v>8</v>
      </c>
      <c r="D76" s="4"/>
    </row>
    <row r="77" spans="1:4" ht="15" thickBot="1" x14ac:dyDescent="0.4">
      <c r="A77" s="4" t="s">
        <v>94</v>
      </c>
      <c r="B77" s="4" t="s">
        <v>14</v>
      </c>
      <c r="C77" s="4" t="s">
        <v>8</v>
      </c>
      <c r="D77" s="4"/>
    </row>
    <row r="78" spans="1:4" ht="15" thickBot="1" x14ac:dyDescent="0.4">
      <c r="A78" s="4" t="s">
        <v>95</v>
      </c>
      <c r="B78" s="4" t="s">
        <v>14</v>
      </c>
      <c r="C78" s="4" t="s">
        <v>8</v>
      </c>
      <c r="D78" s="4"/>
    </row>
    <row r="79" spans="1:4" ht="15" thickBot="1" x14ac:dyDescent="0.4">
      <c r="A79" s="4" t="s">
        <v>96</v>
      </c>
      <c r="B79" s="4" t="s">
        <v>14</v>
      </c>
      <c r="C79" s="4" t="s">
        <v>8</v>
      </c>
      <c r="D79" s="4"/>
    </row>
    <row r="80" spans="1:4" ht="15" thickBot="1" x14ac:dyDescent="0.4">
      <c r="A80" s="4" t="s">
        <v>97</v>
      </c>
      <c r="B80" s="4" t="s">
        <v>14</v>
      </c>
      <c r="C80" s="4" t="s">
        <v>8</v>
      </c>
      <c r="D80" s="4"/>
    </row>
    <row r="81" spans="1:4" ht="15" thickBot="1" x14ac:dyDescent="0.4">
      <c r="A81" s="4" t="s">
        <v>98</v>
      </c>
      <c r="B81" s="4" t="s">
        <v>14</v>
      </c>
      <c r="C81" s="4" t="s">
        <v>8</v>
      </c>
      <c r="D81" s="4"/>
    </row>
    <row r="82" spans="1:4" ht="15" thickBot="1" x14ac:dyDescent="0.4">
      <c r="A82" s="4" t="s">
        <v>99</v>
      </c>
      <c r="B82" s="4" t="s">
        <v>14</v>
      </c>
      <c r="C82" s="4" t="s">
        <v>8</v>
      </c>
      <c r="D82" s="4"/>
    </row>
    <row r="83" spans="1:4" ht="15" thickBot="1" x14ac:dyDescent="0.4">
      <c r="A83" s="4" t="s">
        <v>100</v>
      </c>
      <c r="B83" s="4" t="s">
        <v>14</v>
      </c>
      <c r="C83" s="4" t="s">
        <v>8</v>
      </c>
      <c r="D83" s="4"/>
    </row>
    <row r="84" spans="1:4" ht="15" thickBot="1" x14ac:dyDescent="0.4">
      <c r="A84" s="4" t="s">
        <v>101</v>
      </c>
      <c r="B84" s="4" t="s">
        <v>14</v>
      </c>
      <c r="C84" s="4" t="s">
        <v>8</v>
      </c>
      <c r="D84" s="4"/>
    </row>
    <row r="85" spans="1:4" ht="15" thickBot="1" x14ac:dyDescent="0.4">
      <c r="A85" s="4" t="s">
        <v>102</v>
      </c>
      <c r="B85" s="4" t="s">
        <v>14</v>
      </c>
      <c r="C85" s="4" t="s">
        <v>8</v>
      </c>
      <c r="D85" s="4"/>
    </row>
    <row r="86" spans="1:4" ht="15" thickBot="1" x14ac:dyDescent="0.4">
      <c r="A86" s="4" t="s">
        <v>104</v>
      </c>
      <c r="B86" s="4" t="s">
        <v>8</v>
      </c>
      <c r="C86" s="4" t="s">
        <v>8</v>
      </c>
      <c r="D86" s="4"/>
    </row>
    <row r="87" spans="1:4" ht="15" thickBot="1" x14ac:dyDescent="0.4">
      <c r="A87" s="4" t="s">
        <v>105</v>
      </c>
      <c r="B87" s="4" t="s">
        <v>8</v>
      </c>
      <c r="C87" s="4" t="s">
        <v>8</v>
      </c>
      <c r="D87" s="4"/>
    </row>
    <row r="88" spans="1:4" ht="15" thickBot="1" x14ac:dyDescent="0.4">
      <c r="A88" s="4" t="s">
        <v>106</v>
      </c>
      <c r="B88" s="4" t="s">
        <v>107</v>
      </c>
      <c r="C88" s="4" t="s">
        <v>8</v>
      </c>
      <c r="D88" s="4"/>
    </row>
    <row r="89" spans="1:4" ht="15" thickBot="1" x14ac:dyDescent="0.4">
      <c r="A89" s="4" t="s">
        <v>108</v>
      </c>
      <c r="B89" s="4" t="s">
        <v>107</v>
      </c>
      <c r="C89" s="4" t="s">
        <v>8</v>
      </c>
      <c r="D89" s="4"/>
    </row>
    <row r="90" spans="1:4" ht="15" thickBot="1" x14ac:dyDescent="0.4">
      <c r="A90" s="4" t="s">
        <v>109</v>
      </c>
      <c r="B90" s="4" t="s">
        <v>107</v>
      </c>
      <c r="C90" s="4" t="s">
        <v>8</v>
      </c>
      <c r="D90" s="4"/>
    </row>
    <row r="91" spans="1:4" ht="28.5" thickBot="1" x14ac:dyDescent="0.4">
      <c r="A91" s="4" t="s">
        <v>111</v>
      </c>
      <c r="B91" s="4" t="s">
        <v>110</v>
      </c>
      <c r="C91" s="4" t="s">
        <v>8</v>
      </c>
      <c r="D91" s="4"/>
    </row>
    <row r="92" spans="1:4" ht="15" thickBot="1" x14ac:dyDescent="0.4">
      <c r="A92" s="4" t="s">
        <v>115</v>
      </c>
      <c r="B92" s="4" t="s">
        <v>376</v>
      </c>
      <c r="C92" s="4" t="s">
        <v>4</v>
      </c>
      <c r="D92" s="4" t="s">
        <v>386</v>
      </c>
    </row>
    <row r="93" spans="1:4" ht="28.5" thickBot="1" x14ac:dyDescent="0.4">
      <c r="A93" s="4" t="s">
        <v>113</v>
      </c>
      <c r="B93" s="4" t="s">
        <v>112</v>
      </c>
      <c r="C93" s="4" t="s">
        <v>4</v>
      </c>
      <c r="D93" s="4" t="s">
        <v>124</v>
      </c>
    </row>
    <row r="94" spans="1:4" ht="28.5" thickBot="1" x14ac:dyDescent="0.4">
      <c r="A94" s="4" t="s">
        <v>116</v>
      </c>
      <c r="B94" s="4" t="s">
        <v>114</v>
      </c>
      <c r="C94" s="4" t="s">
        <v>8</v>
      </c>
      <c r="D94" s="4"/>
    </row>
    <row r="95" spans="1:4" ht="15" thickBot="1" x14ac:dyDescent="0.4">
      <c r="A95" s="4" t="s">
        <v>117</v>
      </c>
      <c r="B95" s="4" t="s">
        <v>376</v>
      </c>
      <c r="C95" s="4" t="s">
        <v>8</v>
      </c>
      <c r="D95" s="4"/>
    </row>
    <row r="96" spans="1:4" ht="15" thickBot="1" x14ac:dyDescent="0.4">
      <c r="A96" s="4" t="s">
        <v>118</v>
      </c>
      <c r="B96" s="4" t="s">
        <v>376</v>
      </c>
      <c r="C96" s="4" t="s">
        <v>8</v>
      </c>
      <c r="D96" s="4"/>
    </row>
    <row r="97" spans="1:4" ht="15" thickBot="1" x14ac:dyDescent="0.4">
      <c r="A97" s="4" t="s">
        <v>119</v>
      </c>
      <c r="B97" s="4" t="s">
        <v>123</v>
      </c>
      <c r="C97" s="4" t="s">
        <v>8</v>
      </c>
      <c r="D97" s="4"/>
    </row>
    <row r="98" spans="1:4" ht="15" thickBot="1" x14ac:dyDescent="0.4">
      <c r="A98" s="4" t="s">
        <v>120</v>
      </c>
      <c r="B98" s="4" t="s">
        <v>123</v>
      </c>
      <c r="C98" s="4" t="s">
        <v>8</v>
      </c>
      <c r="D98" s="4"/>
    </row>
    <row r="99" spans="1:4" ht="15" thickBot="1" x14ac:dyDescent="0.4">
      <c r="A99" s="4" t="s">
        <v>121</v>
      </c>
      <c r="B99" s="4" t="s">
        <v>88</v>
      </c>
      <c r="C99" s="4" t="s">
        <v>8</v>
      </c>
      <c r="D99" s="4"/>
    </row>
    <row r="100" spans="1:4" ht="15" thickBot="1" x14ac:dyDescent="0.4">
      <c r="A100" s="4" t="s">
        <v>122</v>
      </c>
      <c r="B100" s="4" t="s">
        <v>376</v>
      </c>
      <c r="C100" s="4" t="s">
        <v>8</v>
      </c>
      <c r="D100" s="4"/>
    </row>
    <row r="101" spans="1:4" ht="15" thickBot="1" x14ac:dyDescent="0.4">
      <c r="A101" s="4" t="s">
        <v>127</v>
      </c>
      <c r="B101" s="4" t="s">
        <v>376</v>
      </c>
      <c r="C101" s="4" t="s">
        <v>4</v>
      </c>
      <c r="D101" s="4" t="s">
        <v>126</v>
      </c>
    </row>
    <row r="102" spans="1:4" ht="28.5" thickBot="1" x14ac:dyDescent="0.4">
      <c r="A102" s="4" t="s">
        <v>128</v>
      </c>
      <c r="B102" s="4" t="s">
        <v>125</v>
      </c>
      <c r="C102" s="4" t="s">
        <v>8</v>
      </c>
      <c r="D102" s="4"/>
    </row>
    <row r="103" spans="1:4" ht="15" thickBot="1" x14ac:dyDescent="0.4">
      <c r="A103" s="4" t="s">
        <v>129</v>
      </c>
      <c r="B103" s="4" t="s">
        <v>376</v>
      </c>
      <c r="C103" s="4" t="s">
        <v>4</v>
      </c>
      <c r="D103" s="4" t="s">
        <v>132</v>
      </c>
    </row>
    <row r="104" spans="1:4" ht="15" thickBot="1" x14ac:dyDescent="0.4">
      <c r="A104" s="4" t="s">
        <v>131</v>
      </c>
      <c r="B104" s="4" t="s">
        <v>376</v>
      </c>
      <c r="C104" s="4" t="s">
        <v>8</v>
      </c>
      <c r="D104" s="4"/>
    </row>
    <row r="105" spans="1:4" ht="15" thickBot="1" x14ac:dyDescent="0.4">
      <c r="A105" s="4" t="s">
        <v>130</v>
      </c>
      <c r="B105" s="4" t="s">
        <v>376</v>
      </c>
      <c r="C105" s="4" t="s">
        <v>4</v>
      </c>
      <c r="D105" s="4" t="s">
        <v>377</v>
      </c>
    </row>
    <row r="106" spans="1:4" ht="28.5" thickBot="1" x14ac:dyDescent="0.4">
      <c r="A106" s="4" t="s">
        <v>133</v>
      </c>
      <c r="B106" s="4" t="s">
        <v>125</v>
      </c>
      <c r="C106" s="4" t="s">
        <v>8</v>
      </c>
      <c r="D106" s="4"/>
    </row>
    <row r="107" spans="1:4" ht="15" thickBot="1" x14ac:dyDescent="0.4">
      <c r="A107" s="4" t="s">
        <v>134</v>
      </c>
      <c r="B107" s="4" t="s">
        <v>123</v>
      </c>
      <c r="C107" s="4" t="s">
        <v>8</v>
      </c>
      <c r="D107" s="4"/>
    </row>
    <row r="108" spans="1:4" ht="28.5" thickBot="1" x14ac:dyDescent="0.4">
      <c r="A108" s="4" t="s">
        <v>135</v>
      </c>
      <c r="B108" s="4" t="s">
        <v>125</v>
      </c>
      <c r="C108" s="4" t="s">
        <v>8</v>
      </c>
      <c r="D108" s="4"/>
    </row>
    <row r="109" spans="1:4" ht="28.5" thickBot="1" x14ac:dyDescent="0.4">
      <c r="A109" s="4" t="s">
        <v>136</v>
      </c>
      <c r="B109" s="4" t="s">
        <v>125</v>
      </c>
      <c r="C109" s="4" t="s">
        <v>8</v>
      </c>
      <c r="D109" s="4"/>
    </row>
    <row r="110" spans="1:4" ht="15" thickBot="1" x14ac:dyDescent="0.4">
      <c r="A110" s="4" t="s">
        <v>137</v>
      </c>
      <c r="B110" s="4" t="s">
        <v>123</v>
      </c>
      <c r="C110" s="4" t="s">
        <v>8</v>
      </c>
      <c r="D110" s="4"/>
    </row>
    <row r="111" spans="1:4" ht="42.5" thickBot="1" x14ac:dyDescent="0.4">
      <c r="A111" s="4" t="s">
        <v>138</v>
      </c>
      <c r="B111" s="4" t="s">
        <v>125</v>
      </c>
      <c r="C111" s="4" t="s">
        <v>4</v>
      </c>
      <c r="D111" s="4" t="s">
        <v>140</v>
      </c>
    </row>
    <row r="112" spans="1:4" ht="15" thickBot="1" x14ac:dyDescent="0.4">
      <c r="A112" s="4" t="s">
        <v>139</v>
      </c>
      <c r="B112" s="4" t="s">
        <v>123</v>
      </c>
      <c r="C112" s="4" t="s">
        <v>8</v>
      </c>
      <c r="D112" s="4"/>
    </row>
    <row r="113" spans="1:4" ht="15" thickBot="1" x14ac:dyDescent="0.4">
      <c r="A113" s="4" t="s">
        <v>141</v>
      </c>
      <c r="B113" s="4" t="s">
        <v>123</v>
      </c>
      <c r="C113" s="4" t="s">
        <v>8</v>
      </c>
      <c r="D113" s="4"/>
    </row>
    <row r="114" spans="1:4" ht="15" thickBot="1" x14ac:dyDescent="0.4">
      <c r="A114" s="4" t="s">
        <v>142</v>
      </c>
      <c r="B114" s="4" t="s">
        <v>123</v>
      </c>
      <c r="C114" s="4" t="s">
        <v>8</v>
      </c>
      <c r="D114" s="4"/>
    </row>
    <row r="115" spans="1:4" ht="42.5" thickBot="1" x14ac:dyDescent="0.4">
      <c r="A115" s="4" t="s">
        <v>143</v>
      </c>
      <c r="B115" s="4" t="s">
        <v>144</v>
      </c>
      <c r="C115" s="4"/>
      <c r="D115" s="4"/>
    </row>
    <row r="116" spans="1:4" ht="42.5" thickBot="1" x14ac:dyDescent="0.4">
      <c r="A116" s="4" t="s">
        <v>145</v>
      </c>
      <c r="B116" s="4" t="s">
        <v>144</v>
      </c>
      <c r="C116" s="4"/>
      <c r="D116" s="4"/>
    </row>
    <row r="117" spans="1:4" ht="42.5" thickBot="1" x14ac:dyDescent="0.4">
      <c r="A117" s="4" t="s">
        <v>146</v>
      </c>
      <c r="B117" s="4" t="s">
        <v>144</v>
      </c>
      <c r="C117" s="4"/>
      <c r="D117" s="4"/>
    </row>
    <row r="118" spans="1:4" ht="15" thickBot="1" x14ac:dyDescent="0.4">
      <c r="A118" s="4" t="s">
        <v>147</v>
      </c>
      <c r="B118" s="4" t="s">
        <v>8</v>
      </c>
      <c r="C118" s="4" t="s">
        <v>8</v>
      </c>
      <c r="D118" s="4"/>
    </row>
    <row r="119" spans="1:4" ht="15" thickBot="1" x14ac:dyDescent="0.4">
      <c r="A119" s="4" t="s">
        <v>148</v>
      </c>
      <c r="B119" s="4" t="s">
        <v>8</v>
      </c>
      <c r="C119" s="4" t="s">
        <v>8</v>
      </c>
      <c r="D119" s="4"/>
    </row>
    <row r="120" spans="1:4" ht="15" thickBot="1" x14ac:dyDescent="0.4">
      <c r="A120" s="4" t="s">
        <v>149</v>
      </c>
      <c r="B120" s="4" t="s">
        <v>8</v>
      </c>
      <c r="C120" s="4" t="s">
        <v>8</v>
      </c>
      <c r="D120" s="4"/>
    </row>
    <row r="121" spans="1:4" ht="15" thickBot="1" x14ac:dyDescent="0.4">
      <c r="A121" s="4" t="s">
        <v>150</v>
      </c>
      <c r="B121" s="4" t="s">
        <v>8</v>
      </c>
      <c r="C121" s="4" t="s">
        <v>8</v>
      </c>
      <c r="D121" s="4"/>
    </row>
    <row r="122" spans="1:4" ht="15" thickBot="1" x14ac:dyDescent="0.4">
      <c r="A122" s="4" t="s">
        <v>151</v>
      </c>
      <c r="B122" s="4" t="s">
        <v>8</v>
      </c>
      <c r="C122" s="4" t="s">
        <v>8</v>
      </c>
      <c r="D122" s="4"/>
    </row>
    <row r="123" spans="1:4" ht="15" thickBot="1" x14ac:dyDescent="0.4">
      <c r="A123" s="4" t="s">
        <v>152</v>
      </c>
      <c r="B123" s="4" t="s">
        <v>8</v>
      </c>
      <c r="C123" s="4" t="s">
        <v>8</v>
      </c>
      <c r="D123" s="4"/>
    </row>
    <row r="124" spans="1:4" ht="15" thickBot="1" x14ac:dyDescent="0.4">
      <c r="A124" s="4" t="s">
        <v>154</v>
      </c>
      <c r="B124" s="4" t="s">
        <v>8</v>
      </c>
      <c r="C124" s="4" t="s">
        <v>8</v>
      </c>
      <c r="D124" s="4"/>
    </row>
    <row r="125" spans="1:4" ht="15" thickBot="1" x14ac:dyDescent="0.4">
      <c r="A125" s="4" t="s">
        <v>153</v>
      </c>
      <c r="B125" s="4" t="s">
        <v>8</v>
      </c>
      <c r="C125" s="4" t="s">
        <v>8</v>
      </c>
      <c r="D125" s="4"/>
    </row>
    <row r="126" spans="1:4" ht="15" thickBot="1" x14ac:dyDescent="0.4">
      <c r="A126" s="4" t="s">
        <v>159</v>
      </c>
      <c r="B126" s="4" t="s">
        <v>8</v>
      </c>
      <c r="C126" s="4" t="s">
        <v>8</v>
      </c>
      <c r="D126" s="4"/>
    </row>
    <row r="127" spans="1:4" ht="15" thickBot="1" x14ac:dyDescent="0.4">
      <c r="A127" s="4" t="s">
        <v>160</v>
      </c>
      <c r="B127" s="4" t="s">
        <v>8</v>
      </c>
      <c r="C127" s="4" t="s">
        <v>8</v>
      </c>
      <c r="D127" s="4"/>
    </row>
    <row r="128" spans="1:4" ht="28.5" thickBot="1" x14ac:dyDescent="0.4">
      <c r="A128" s="4" t="s">
        <v>161</v>
      </c>
      <c r="B128" s="4" t="s">
        <v>114</v>
      </c>
      <c r="C128" s="4" t="s">
        <v>8</v>
      </c>
      <c r="D128" s="4"/>
    </row>
    <row r="129" spans="1:4" ht="15" thickBot="1" x14ac:dyDescent="0.4">
      <c r="A129" s="4" t="s">
        <v>163</v>
      </c>
      <c r="B129" s="4" t="s">
        <v>8</v>
      </c>
      <c r="C129" s="4" t="s">
        <v>8</v>
      </c>
      <c r="D129" s="4"/>
    </row>
    <row r="130" spans="1:4" ht="15" thickBot="1" x14ac:dyDescent="0.4">
      <c r="A130" s="4" t="s">
        <v>164</v>
      </c>
      <c r="B130" s="4" t="s">
        <v>8</v>
      </c>
      <c r="C130" s="4" t="s">
        <v>8</v>
      </c>
      <c r="D130" s="4"/>
    </row>
    <row r="131" spans="1:4" ht="15" thickBot="1" x14ac:dyDescent="0.4">
      <c r="A131" s="4" t="s">
        <v>165</v>
      </c>
      <c r="B131" s="4" t="s">
        <v>8</v>
      </c>
      <c r="C131" s="4" t="s">
        <v>8</v>
      </c>
      <c r="D131" s="4"/>
    </row>
    <row r="132" spans="1:4" ht="15" thickBot="1" x14ac:dyDescent="0.4">
      <c r="A132" s="4" t="s">
        <v>167</v>
      </c>
      <c r="B132" s="4" t="s">
        <v>379</v>
      </c>
      <c r="C132" s="4" t="s">
        <v>4</v>
      </c>
      <c r="D132" s="4" t="s">
        <v>378</v>
      </c>
    </row>
    <row r="133" spans="1:4" ht="15" thickBot="1" x14ac:dyDescent="0.4">
      <c r="A133" s="4" t="s">
        <v>168</v>
      </c>
      <c r="B133" s="4" t="s">
        <v>379</v>
      </c>
      <c r="C133" s="4" t="s">
        <v>8</v>
      </c>
      <c r="D133" s="4"/>
    </row>
    <row r="134" spans="1:4" ht="15" thickBot="1" x14ac:dyDescent="0.4">
      <c r="A134" s="4" t="s">
        <v>169</v>
      </c>
      <c r="B134" s="4" t="s">
        <v>379</v>
      </c>
      <c r="C134" s="4" t="s">
        <v>8</v>
      </c>
      <c r="D134" s="4"/>
    </row>
    <row r="135" spans="1:4" ht="15" thickBot="1" x14ac:dyDescent="0.4">
      <c r="A135" s="4" t="s">
        <v>170</v>
      </c>
      <c r="B135" s="4" t="s">
        <v>379</v>
      </c>
      <c r="C135" s="4" t="s">
        <v>8</v>
      </c>
      <c r="D135" s="4"/>
    </row>
    <row r="136" spans="1:4" ht="15" thickBot="1" x14ac:dyDescent="0.4">
      <c r="A136" s="4" t="s">
        <v>166</v>
      </c>
      <c r="B136" s="4" t="s">
        <v>379</v>
      </c>
      <c r="C136" s="4" t="s">
        <v>8</v>
      </c>
      <c r="D136" s="4"/>
    </row>
    <row r="137" spans="1:4" ht="15" thickBot="1" x14ac:dyDescent="0.4">
      <c r="A137" s="4" t="s">
        <v>171</v>
      </c>
      <c r="B137" s="4" t="s">
        <v>379</v>
      </c>
      <c r="C137" s="4" t="s">
        <v>8</v>
      </c>
      <c r="D137" s="4"/>
    </row>
    <row r="138" spans="1:4" ht="15" thickBot="1" x14ac:dyDescent="0.4">
      <c r="A138" s="4" t="s">
        <v>172</v>
      </c>
      <c r="B138" s="4" t="s">
        <v>379</v>
      </c>
      <c r="C138" s="4" t="s">
        <v>8</v>
      </c>
      <c r="D138" s="4"/>
    </row>
    <row r="139" spans="1:4" ht="15" thickBot="1" x14ac:dyDescent="0.4">
      <c r="A139" s="4" t="s">
        <v>173</v>
      </c>
      <c r="B139" s="4" t="s">
        <v>379</v>
      </c>
      <c r="C139" s="4" t="s">
        <v>8</v>
      </c>
      <c r="D139" s="4"/>
    </row>
    <row r="140" spans="1:4" ht="15" thickBot="1" x14ac:dyDescent="0.4">
      <c r="A140" s="4" t="s">
        <v>174</v>
      </c>
      <c r="B140" s="4" t="s">
        <v>379</v>
      </c>
      <c r="C140" s="4" t="s">
        <v>4</v>
      </c>
      <c r="D140" s="4" t="s">
        <v>175</v>
      </c>
    </row>
    <row r="141" spans="1:4" ht="28" x14ac:dyDescent="0.35">
      <c r="A141" s="4" t="s">
        <v>177</v>
      </c>
      <c r="B141" s="4" t="s">
        <v>379</v>
      </c>
      <c r="C141" s="4" t="s">
        <v>4</v>
      </c>
      <c r="D141" s="4" t="s">
        <v>176</v>
      </c>
    </row>
    <row r="143" spans="1:4" ht="30" x14ac:dyDescent="0.35">
      <c r="A143" s="1" t="s">
        <v>178</v>
      </c>
    </row>
    <row r="145" spans="1:4" x14ac:dyDescent="0.35">
      <c r="A145" s="2" t="s">
        <v>8</v>
      </c>
    </row>
    <row r="147" spans="1:4" ht="30" x14ac:dyDescent="0.35">
      <c r="A147" s="1" t="s">
        <v>155</v>
      </c>
    </row>
    <row r="148" spans="1:4" ht="15" thickBot="1" x14ac:dyDescent="0.4">
      <c r="A148" s="2"/>
    </row>
    <row r="149" spans="1:4" ht="15" thickBot="1" x14ac:dyDescent="0.4">
      <c r="A149" s="3" t="s">
        <v>0</v>
      </c>
      <c r="B149" s="3" t="s">
        <v>1</v>
      </c>
      <c r="C149" s="3" t="s">
        <v>2</v>
      </c>
      <c r="D149" s="3" t="s">
        <v>3</v>
      </c>
    </row>
    <row r="150" spans="1:4" ht="15" thickBot="1" x14ac:dyDescent="0.4">
      <c r="A150" s="4" t="s">
        <v>179</v>
      </c>
      <c r="B150" s="4" t="s">
        <v>8</v>
      </c>
      <c r="C150" s="4" t="s">
        <v>4</v>
      </c>
      <c r="D150" s="4" t="s">
        <v>179</v>
      </c>
    </row>
    <row r="151" spans="1:4" ht="28.5" thickBot="1" x14ac:dyDescent="0.4">
      <c r="A151" s="4" t="s">
        <v>181</v>
      </c>
      <c r="B151" s="4" t="s">
        <v>180</v>
      </c>
      <c r="C151" s="4" t="s">
        <v>4</v>
      </c>
      <c r="D151" s="4" t="s">
        <v>182</v>
      </c>
    </row>
    <row r="152" spans="1:4" ht="15" thickBot="1" x14ac:dyDescent="0.4">
      <c r="A152" s="4" t="s">
        <v>183</v>
      </c>
      <c r="B152" s="4" t="s">
        <v>47</v>
      </c>
      <c r="C152" s="4" t="s">
        <v>8</v>
      </c>
      <c r="D152" s="4"/>
    </row>
    <row r="153" spans="1:4" ht="15" thickBot="1" x14ac:dyDescent="0.4">
      <c r="A153" s="4" t="s">
        <v>184</v>
      </c>
      <c r="B153" s="4" t="s">
        <v>8</v>
      </c>
      <c r="C153" s="4" t="s">
        <v>8</v>
      </c>
      <c r="D153" s="4"/>
    </row>
    <row r="154" spans="1:4" ht="15" thickBot="1" x14ac:dyDescent="0.4">
      <c r="A154" s="4" t="s">
        <v>185</v>
      </c>
      <c r="B154" s="4" t="s">
        <v>8</v>
      </c>
      <c r="C154" s="4" t="s">
        <v>8</v>
      </c>
      <c r="D154" s="4"/>
    </row>
    <row r="155" spans="1:4" ht="15" thickBot="1" x14ac:dyDescent="0.4">
      <c r="A155" s="4" t="s">
        <v>186</v>
      </c>
      <c r="B155" s="4" t="s">
        <v>8</v>
      </c>
      <c r="C155" s="4" t="s">
        <v>8</v>
      </c>
      <c r="D155" s="4"/>
    </row>
    <row r="156" spans="1:4" ht="28.5" thickBot="1" x14ac:dyDescent="0.4">
      <c r="A156" s="4" t="s">
        <v>187</v>
      </c>
      <c r="B156" s="4" t="s">
        <v>8</v>
      </c>
      <c r="C156" s="4" t="s">
        <v>4</v>
      </c>
      <c r="D156" s="4" t="s">
        <v>188</v>
      </c>
    </row>
    <row r="157" spans="1:4" ht="42.5" thickBot="1" x14ac:dyDescent="0.4">
      <c r="A157" s="4" t="s">
        <v>189</v>
      </c>
      <c r="B157" s="4" t="s">
        <v>8</v>
      </c>
      <c r="C157" s="4" t="s">
        <v>4</v>
      </c>
      <c r="D157" s="4" t="s">
        <v>190</v>
      </c>
    </row>
    <row r="158" spans="1:4" ht="15" thickBot="1" x14ac:dyDescent="0.4">
      <c r="A158" s="4" t="s">
        <v>191</v>
      </c>
      <c r="B158" s="4" t="s">
        <v>8</v>
      </c>
      <c r="C158" s="4" t="s">
        <v>8</v>
      </c>
      <c r="D158" s="4"/>
    </row>
    <row r="159" spans="1:4" ht="28.5" thickBot="1" x14ac:dyDescent="0.4">
      <c r="A159" s="4" t="s">
        <v>192</v>
      </c>
      <c r="B159" s="4" t="s">
        <v>8</v>
      </c>
      <c r="C159" s="4" t="s">
        <v>4</v>
      </c>
      <c r="D159" s="4" t="s">
        <v>193</v>
      </c>
    </row>
    <row r="160" spans="1:4" ht="28.5" thickBot="1" x14ac:dyDescent="0.4">
      <c r="A160" s="4" t="s">
        <v>194</v>
      </c>
      <c r="B160" s="4" t="s">
        <v>8</v>
      </c>
      <c r="C160" s="4" t="s">
        <v>4</v>
      </c>
      <c r="D160" s="4" t="s">
        <v>195</v>
      </c>
    </row>
    <row r="161" spans="1:4" ht="28.5" thickBot="1" x14ac:dyDescent="0.4">
      <c r="A161" s="4" t="s">
        <v>197</v>
      </c>
      <c r="B161" s="4" t="s">
        <v>8</v>
      </c>
      <c r="C161" s="4" t="s">
        <v>7</v>
      </c>
      <c r="D161" s="4" t="s">
        <v>196</v>
      </c>
    </row>
    <row r="162" spans="1:4" ht="28.5" thickBot="1" x14ac:dyDescent="0.4">
      <c r="A162" s="4" t="s">
        <v>198</v>
      </c>
      <c r="B162" s="4" t="s">
        <v>8</v>
      </c>
      <c r="C162" s="4" t="s">
        <v>4</v>
      </c>
      <c r="D162" s="4" t="s">
        <v>199</v>
      </c>
    </row>
    <row r="163" spans="1:4" ht="42.5" thickBot="1" x14ac:dyDescent="0.4">
      <c r="A163" s="4" t="s">
        <v>200</v>
      </c>
      <c r="B163" s="4" t="s">
        <v>8</v>
      </c>
      <c r="C163" s="4" t="s">
        <v>4</v>
      </c>
      <c r="D163" s="4" t="s">
        <v>380</v>
      </c>
    </row>
    <row r="164" spans="1:4" ht="28.5" thickBot="1" x14ac:dyDescent="0.4">
      <c r="A164" s="4" t="s">
        <v>202</v>
      </c>
      <c r="B164" s="4" t="s">
        <v>8</v>
      </c>
      <c r="C164" s="4" t="s">
        <v>4</v>
      </c>
      <c r="D164" s="4" t="s">
        <v>201</v>
      </c>
    </row>
    <row r="165" spans="1:4" ht="42.5" thickBot="1" x14ac:dyDescent="0.4">
      <c r="A165" s="4" t="s">
        <v>203</v>
      </c>
      <c r="B165" s="4" t="s">
        <v>8</v>
      </c>
      <c r="C165" s="4" t="s">
        <v>4</v>
      </c>
      <c r="D165" s="4" t="s">
        <v>381</v>
      </c>
    </row>
    <row r="166" spans="1:4" ht="28.5" thickBot="1" x14ac:dyDescent="0.4">
      <c r="A166" s="4" t="s">
        <v>204</v>
      </c>
      <c r="B166" s="4" t="s">
        <v>8</v>
      </c>
      <c r="C166" s="4" t="s">
        <v>4</v>
      </c>
      <c r="D166" s="4" t="s">
        <v>237</v>
      </c>
    </row>
    <row r="167" spans="1:4" ht="28.5" thickBot="1" x14ac:dyDescent="0.4">
      <c r="A167" s="4" t="s">
        <v>205</v>
      </c>
      <c r="B167" s="4" t="s">
        <v>8</v>
      </c>
      <c r="C167" s="4" t="s">
        <v>4</v>
      </c>
      <c r="D167" s="4" t="s">
        <v>238</v>
      </c>
    </row>
    <row r="168" spans="1:4" ht="15" thickBot="1" x14ac:dyDescent="0.4">
      <c r="A168" s="4" t="s">
        <v>206</v>
      </c>
      <c r="B168" s="4" t="s">
        <v>8</v>
      </c>
      <c r="C168" s="4" t="s">
        <v>8</v>
      </c>
      <c r="D168" s="4"/>
    </row>
    <row r="169" spans="1:4" ht="42.5" thickBot="1" x14ac:dyDescent="0.4">
      <c r="A169" s="4" t="s">
        <v>207</v>
      </c>
      <c r="B169" s="4" t="s">
        <v>8</v>
      </c>
      <c r="C169" s="4" t="s">
        <v>4</v>
      </c>
      <c r="D169" s="4" t="s">
        <v>239</v>
      </c>
    </row>
    <row r="170" spans="1:4" ht="28.5" thickBot="1" x14ac:dyDescent="0.4">
      <c r="A170" s="4" t="s">
        <v>208</v>
      </c>
      <c r="B170" s="4" t="s">
        <v>8</v>
      </c>
      <c r="C170" s="4" t="s">
        <v>4</v>
      </c>
      <c r="D170" s="4" t="s">
        <v>240</v>
      </c>
    </row>
    <row r="171" spans="1:4" ht="28.5" thickBot="1" x14ac:dyDescent="0.4">
      <c r="A171" s="4" t="s">
        <v>209</v>
      </c>
      <c r="B171" s="4" t="s">
        <v>8</v>
      </c>
      <c r="C171" s="4" t="s">
        <v>4</v>
      </c>
      <c r="D171" s="4" t="s">
        <v>241</v>
      </c>
    </row>
    <row r="172" spans="1:4" ht="28.5" thickBot="1" x14ac:dyDescent="0.4">
      <c r="A172" s="4" t="s">
        <v>210</v>
      </c>
      <c r="B172" s="4" t="s">
        <v>8</v>
      </c>
      <c r="C172" s="4" t="s">
        <v>4</v>
      </c>
      <c r="D172" s="4" t="s">
        <v>242</v>
      </c>
    </row>
    <row r="173" spans="1:4" ht="42.5" thickBot="1" x14ac:dyDescent="0.4">
      <c r="A173" s="4" t="s">
        <v>211</v>
      </c>
      <c r="B173" s="4" t="s">
        <v>8</v>
      </c>
      <c r="C173" s="4" t="s">
        <v>4</v>
      </c>
      <c r="D173" s="4" t="s">
        <v>243</v>
      </c>
    </row>
    <row r="174" spans="1:4" ht="28.5" thickBot="1" x14ac:dyDescent="0.4">
      <c r="A174" s="4" t="s">
        <v>212</v>
      </c>
      <c r="B174" s="4" t="s">
        <v>8</v>
      </c>
      <c r="C174" s="4" t="s">
        <v>4</v>
      </c>
      <c r="D174" s="4" t="s">
        <v>244</v>
      </c>
    </row>
    <row r="175" spans="1:4" ht="28.5" thickBot="1" x14ac:dyDescent="0.4">
      <c r="A175" s="4" t="s">
        <v>213</v>
      </c>
      <c r="B175" s="4" t="s">
        <v>8</v>
      </c>
      <c r="C175" s="4" t="s">
        <v>4</v>
      </c>
      <c r="D175" s="4" t="s">
        <v>245</v>
      </c>
    </row>
    <row r="176" spans="1:4" ht="15" thickBot="1" x14ac:dyDescent="0.4">
      <c r="A176" s="4" t="s">
        <v>214</v>
      </c>
      <c r="B176" s="4" t="s">
        <v>8</v>
      </c>
      <c r="C176" s="4" t="s">
        <v>8</v>
      </c>
      <c r="D176" s="4"/>
    </row>
    <row r="177" spans="1:4" ht="15" thickBot="1" x14ac:dyDescent="0.4">
      <c r="A177" s="4" t="s">
        <v>215</v>
      </c>
      <c r="B177" s="4" t="s">
        <v>8</v>
      </c>
      <c r="C177" s="4" t="s">
        <v>8</v>
      </c>
      <c r="D177" s="4"/>
    </row>
    <row r="178" spans="1:4" ht="28.5" thickBot="1" x14ac:dyDescent="0.4">
      <c r="A178" s="4" t="s">
        <v>216</v>
      </c>
      <c r="B178" s="4" t="s">
        <v>8</v>
      </c>
      <c r="C178" s="4" t="s">
        <v>8</v>
      </c>
      <c r="D178" s="4"/>
    </row>
    <row r="179" spans="1:4" ht="15" thickBot="1" x14ac:dyDescent="0.4">
      <c r="A179" s="4" t="s">
        <v>217</v>
      </c>
      <c r="B179" s="4" t="s">
        <v>24</v>
      </c>
      <c r="C179" s="4"/>
      <c r="D179" s="4"/>
    </row>
    <row r="180" spans="1:4" ht="15" thickBot="1" x14ac:dyDescent="0.4">
      <c r="A180" s="4" t="s">
        <v>218</v>
      </c>
      <c r="B180" s="4" t="s">
        <v>24</v>
      </c>
      <c r="C180" s="4"/>
      <c r="D180" s="4"/>
    </row>
    <row r="181" spans="1:4" ht="42.5" thickBot="1" x14ac:dyDescent="0.4">
      <c r="A181" s="4" t="s">
        <v>219</v>
      </c>
      <c r="B181" s="4" t="s">
        <v>8</v>
      </c>
      <c r="C181" s="4" t="s">
        <v>4</v>
      </c>
      <c r="D181" s="4" t="s">
        <v>246</v>
      </c>
    </row>
    <row r="182" spans="1:4" ht="28.5" thickBot="1" x14ac:dyDescent="0.4">
      <c r="A182" s="4" t="s">
        <v>220</v>
      </c>
      <c r="B182" s="4" t="s">
        <v>8</v>
      </c>
      <c r="C182" s="4" t="s">
        <v>8</v>
      </c>
      <c r="D182" s="4"/>
    </row>
    <row r="183" spans="1:4" ht="28.5" thickBot="1" x14ac:dyDescent="0.4">
      <c r="A183" s="4" t="s">
        <v>221</v>
      </c>
      <c r="B183" s="4" t="s">
        <v>8</v>
      </c>
      <c r="C183" s="4" t="s">
        <v>4</v>
      </c>
      <c r="D183" s="4" t="s">
        <v>247</v>
      </c>
    </row>
    <row r="184" spans="1:4" ht="28.5" thickBot="1" x14ac:dyDescent="0.4">
      <c r="A184" s="4" t="s">
        <v>222</v>
      </c>
      <c r="B184" s="4" t="s">
        <v>24</v>
      </c>
      <c r="C184" s="4"/>
      <c r="D184" s="4"/>
    </row>
    <row r="185" spans="1:4" ht="28.5" thickBot="1" x14ac:dyDescent="0.4">
      <c r="A185" s="4" t="s">
        <v>223</v>
      </c>
      <c r="B185" s="4" t="s">
        <v>8</v>
      </c>
      <c r="C185" s="4" t="s">
        <v>4</v>
      </c>
      <c r="D185" s="4" t="s">
        <v>248</v>
      </c>
    </row>
    <row r="186" spans="1:4" ht="28.5" thickBot="1" x14ac:dyDescent="0.4">
      <c r="A186" s="4" t="s">
        <v>224</v>
      </c>
      <c r="B186" s="4" t="s">
        <v>8</v>
      </c>
      <c r="C186" s="4" t="s">
        <v>4</v>
      </c>
      <c r="D186" s="4" t="s">
        <v>249</v>
      </c>
    </row>
    <row r="187" spans="1:4" ht="42.5" thickBot="1" x14ac:dyDescent="0.4">
      <c r="A187" s="4" t="s">
        <v>225</v>
      </c>
      <c r="B187" s="4" t="s">
        <v>8</v>
      </c>
      <c r="C187" s="4" t="s">
        <v>4</v>
      </c>
      <c r="D187" s="4" t="s">
        <v>250</v>
      </c>
    </row>
    <row r="188" spans="1:4" ht="28.5" thickBot="1" x14ac:dyDescent="0.4">
      <c r="A188" s="4" t="s">
        <v>226</v>
      </c>
      <c r="B188" s="4" t="s">
        <v>8</v>
      </c>
      <c r="C188" s="4" t="s">
        <v>4</v>
      </c>
      <c r="D188" s="4" t="s">
        <v>373</v>
      </c>
    </row>
    <row r="189" spans="1:4" ht="28.5" thickBot="1" x14ac:dyDescent="0.4">
      <c r="A189" s="4" t="s">
        <v>227</v>
      </c>
      <c r="B189" s="4" t="s">
        <v>8</v>
      </c>
      <c r="C189" s="4" t="s">
        <v>4</v>
      </c>
      <c r="D189" s="4" t="s">
        <v>235</v>
      </c>
    </row>
    <row r="190" spans="1:4" ht="42.5" thickBot="1" x14ac:dyDescent="0.4">
      <c r="A190" s="4" t="s">
        <v>228</v>
      </c>
      <c r="B190" s="4" t="s">
        <v>8</v>
      </c>
      <c r="C190" s="4" t="s">
        <v>4</v>
      </c>
      <c r="D190" s="4" t="s">
        <v>372</v>
      </c>
    </row>
    <row r="191" spans="1:4" ht="15" thickBot="1" x14ac:dyDescent="0.4">
      <c r="A191" s="4" t="s">
        <v>229</v>
      </c>
      <c r="B191" s="4" t="s">
        <v>8</v>
      </c>
      <c r="C191" s="4" t="s">
        <v>8</v>
      </c>
      <c r="D191" s="4"/>
    </row>
    <row r="192" spans="1:4" ht="28.5" thickBot="1" x14ac:dyDescent="0.4">
      <c r="A192" s="4" t="s">
        <v>230</v>
      </c>
      <c r="B192" s="4" t="s">
        <v>8</v>
      </c>
      <c r="C192" s="4" t="s">
        <v>4</v>
      </c>
      <c r="D192" s="4" t="s">
        <v>236</v>
      </c>
    </row>
    <row r="193" spans="1:4" ht="28.5" thickBot="1" x14ac:dyDescent="0.4">
      <c r="A193" s="4" t="s">
        <v>231</v>
      </c>
      <c r="B193" s="4" t="s">
        <v>8</v>
      </c>
      <c r="C193" s="4" t="s">
        <v>8</v>
      </c>
      <c r="D193" s="4"/>
    </row>
    <row r="194" spans="1:4" ht="42.5" thickBot="1" x14ac:dyDescent="0.4">
      <c r="A194" s="4" t="s">
        <v>232</v>
      </c>
      <c r="B194" s="4" t="s">
        <v>8</v>
      </c>
      <c r="C194" s="4" t="s">
        <v>4</v>
      </c>
      <c r="D194" s="4" t="s">
        <v>252</v>
      </c>
    </row>
    <row r="195" spans="1:4" ht="28.5" thickBot="1" x14ac:dyDescent="0.4">
      <c r="A195" s="4" t="s">
        <v>233</v>
      </c>
      <c r="B195" s="4" t="s">
        <v>8</v>
      </c>
      <c r="C195" s="4" t="s">
        <v>4</v>
      </c>
      <c r="D195" s="4" t="s">
        <v>251</v>
      </c>
    </row>
    <row r="196" spans="1:4" ht="42.5" thickBot="1" x14ac:dyDescent="0.4">
      <c r="A196" s="4" t="s">
        <v>234</v>
      </c>
      <c r="B196" s="4" t="s">
        <v>8</v>
      </c>
      <c r="C196" s="4" t="s">
        <v>4</v>
      </c>
      <c r="D196" s="4" t="s">
        <v>253</v>
      </c>
    </row>
    <row r="197" spans="1:4" ht="15" thickBot="1" x14ac:dyDescent="0.4">
      <c r="A197" s="4" t="s">
        <v>256</v>
      </c>
      <c r="B197" s="4" t="s">
        <v>8</v>
      </c>
      <c r="C197" s="4" t="s">
        <v>8</v>
      </c>
      <c r="D197" s="4"/>
    </row>
    <row r="198" spans="1:4" ht="15" thickBot="1" x14ac:dyDescent="0.4">
      <c r="A198" s="4" t="s">
        <v>257</v>
      </c>
      <c r="B198" s="4" t="s">
        <v>8</v>
      </c>
      <c r="C198" s="4" t="s">
        <v>8</v>
      </c>
      <c r="D198" s="4"/>
    </row>
    <row r="199" spans="1:4" ht="15" thickBot="1" x14ac:dyDescent="0.4">
      <c r="A199" s="4" t="s">
        <v>258</v>
      </c>
      <c r="B199" s="4" t="s">
        <v>8</v>
      </c>
      <c r="C199" s="4" t="s">
        <v>8</v>
      </c>
      <c r="D199" s="4"/>
    </row>
    <row r="200" spans="1:4" ht="15" thickBot="1" x14ac:dyDescent="0.4">
      <c r="A200" s="4" t="s">
        <v>259</v>
      </c>
      <c r="B200" s="4" t="s">
        <v>8</v>
      </c>
      <c r="C200" s="4" t="s">
        <v>8</v>
      </c>
      <c r="D200" s="4"/>
    </row>
    <row r="201" spans="1:4" ht="15" thickBot="1" x14ac:dyDescent="0.4">
      <c r="A201" s="4" t="s">
        <v>260</v>
      </c>
      <c r="B201" s="4" t="s">
        <v>8</v>
      </c>
      <c r="C201" s="4" t="s">
        <v>8</v>
      </c>
      <c r="D201" s="4"/>
    </row>
    <row r="202" spans="1:4" ht="28.5" thickBot="1" x14ac:dyDescent="0.4">
      <c r="A202" s="4" t="s">
        <v>261</v>
      </c>
      <c r="B202" s="4" t="s">
        <v>8</v>
      </c>
      <c r="C202" s="4" t="s">
        <v>4</v>
      </c>
      <c r="D202" s="4" t="s">
        <v>262</v>
      </c>
    </row>
    <row r="203" spans="1:4" ht="15" thickBot="1" x14ac:dyDescent="0.4">
      <c r="A203" s="4" t="s">
        <v>263</v>
      </c>
      <c r="B203" s="4" t="s">
        <v>8</v>
      </c>
      <c r="C203" s="4" t="s">
        <v>8</v>
      </c>
      <c r="D203" s="4"/>
    </row>
    <row r="204" spans="1:4" ht="15" thickBot="1" x14ac:dyDescent="0.4">
      <c r="A204" s="4" t="s">
        <v>264</v>
      </c>
      <c r="B204" s="4" t="s">
        <v>8</v>
      </c>
      <c r="C204" s="4" t="s">
        <v>8</v>
      </c>
      <c r="D204" s="4"/>
    </row>
    <row r="205" spans="1:4" ht="15" thickBot="1" x14ac:dyDescent="0.4">
      <c r="A205" s="4" t="s">
        <v>265</v>
      </c>
      <c r="B205" s="4" t="s">
        <v>8</v>
      </c>
      <c r="C205" s="4" t="s">
        <v>8</v>
      </c>
      <c r="D205" s="4"/>
    </row>
    <row r="206" spans="1:4" ht="15" thickBot="1" x14ac:dyDescent="0.4">
      <c r="A206" s="4" t="s">
        <v>266</v>
      </c>
      <c r="B206" s="4" t="s">
        <v>8</v>
      </c>
      <c r="C206" s="4" t="s">
        <v>8</v>
      </c>
      <c r="D206" s="4"/>
    </row>
    <row r="207" spans="1:4" ht="15" thickBot="1" x14ac:dyDescent="0.4">
      <c r="A207" s="4" t="s">
        <v>267</v>
      </c>
      <c r="B207" s="4" t="s">
        <v>8</v>
      </c>
      <c r="C207" s="4" t="s">
        <v>8</v>
      </c>
      <c r="D207" s="4"/>
    </row>
    <row r="208" spans="1:4" ht="15" thickBot="1" x14ac:dyDescent="0.4">
      <c r="A208" s="4" t="s">
        <v>268</v>
      </c>
      <c r="B208" s="4" t="s">
        <v>8</v>
      </c>
      <c r="C208" s="4" t="s">
        <v>8</v>
      </c>
      <c r="D208" s="4"/>
    </row>
    <row r="209" spans="1:4" ht="15" thickBot="1" x14ac:dyDescent="0.4">
      <c r="A209" s="4" t="s">
        <v>269</v>
      </c>
      <c r="B209" s="4" t="s">
        <v>8</v>
      </c>
      <c r="C209" s="4" t="s">
        <v>8</v>
      </c>
      <c r="D209" s="4"/>
    </row>
    <row r="210" spans="1:4" ht="15" thickBot="1" x14ac:dyDescent="0.4">
      <c r="A210" s="4" t="s">
        <v>270</v>
      </c>
      <c r="B210" s="4" t="s">
        <v>8</v>
      </c>
      <c r="C210" s="4" t="s">
        <v>8</v>
      </c>
      <c r="D210" s="4"/>
    </row>
    <row r="211" spans="1:4" ht="15" thickBot="1" x14ac:dyDescent="0.4">
      <c r="A211" s="4" t="s">
        <v>271</v>
      </c>
      <c r="B211" s="4" t="s">
        <v>8</v>
      </c>
      <c r="C211" s="4" t="s">
        <v>8</v>
      </c>
      <c r="D211" s="4"/>
    </row>
    <row r="212" spans="1:4" ht="28.5" thickBot="1" x14ac:dyDescent="0.4">
      <c r="A212" s="4" t="s">
        <v>272</v>
      </c>
      <c r="B212" s="4" t="s">
        <v>8</v>
      </c>
      <c r="C212" s="4" t="s">
        <v>4</v>
      </c>
      <c r="D212" s="4" t="s">
        <v>273</v>
      </c>
    </row>
    <row r="213" spans="1:4" ht="15" thickBot="1" x14ac:dyDescent="0.4">
      <c r="A213" s="4" t="s">
        <v>274</v>
      </c>
      <c r="B213" s="4" t="s">
        <v>8</v>
      </c>
      <c r="C213" s="4" t="s">
        <v>8</v>
      </c>
      <c r="D213" s="4"/>
    </row>
    <row r="214" spans="1:4" ht="15" thickBot="1" x14ac:dyDescent="0.4">
      <c r="A214" s="4" t="s">
        <v>275</v>
      </c>
      <c r="B214" s="4" t="s">
        <v>8</v>
      </c>
      <c r="C214" s="4" t="s">
        <v>8</v>
      </c>
      <c r="D214" s="4"/>
    </row>
    <row r="215" spans="1:4" ht="15" thickBot="1" x14ac:dyDescent="0.4">
      <c r="A215" s="4" t="s">
        <v>276</v>
      </c>
      <c r="B215" s="4" t="s">
        <v>8</v>
      </c>
      <c r="C215" s="4" t="s">
        <v>8</v>
      </c>
      <c r="D215" s="4"/>
    </row>
    <row r="216" spans="1:4" ht="15" thickBot="1" x14ac:dyDescent="0.4">
      <c r="A216" s="4" t="s">
        <v>277</v>
      </c>
      <c r="B216" s="4" t="s">
        <v>8</v>
      </c>
      <c r="C216" s="4" t="s">
        <v>4</v>
      </c>
      <c r="D216" s="4" t="s">
        <v>278</v>
      </c>
    </row>
    <row r="217" spans="1:4" ht="15" thickBot="1" x14ac:dyDescent="0.4">
      <c r="A217" s="4" t="s">
        <v>280</v>
      </c>
      <c r="B217" s="4" t="s">
        <v>24</v>
      </c>
      <c r="C217" s="4"/>
      <c r="D217" s="4"/>
    </row>
    <row r="218" spans="1:4" ht="28.5" thickBot="1" x14ac:dyDescent="0.4">
      <c r="A218" s="4" t="s">
        <v>279</v>
      </c>
      <c r="B218" s="4" t="s">
        <v>254</v>
      </c>
      <c r="C218" s="4" t="s">
        <v>8</v>
      </c>
      <c r="D218" s="4"/>
    </row>
    <row r="219" spans="1:4" ht="15" thickBot="1" x14ac:dyDescent="0.4">
      <c r="A219" s="4" t="s">
        <v>281</v>
      </c>
      <c r="B219" s="4" t="s">
        <v>8</v>
      </c>
      <c r="C219" s="4" t="s">
        <v>8</v>
      </c>
      <c r="D219" s="4"/>
    </row>
    <row r="220" spans="1:4" ht="28.5" thickBot="1" x14ac:dyDescent="0.4">
      <c r="A220" s="4" t="s">
        <v>282</v>
      </c>
      <c r="B220" s="4" t="s">
        <v>283</v>
      </c>
      <c r="C220" s="4" t="s">
        <v>8</v>
      </c>
      <c r="D220" s="4"/>
    </row>
    <row r="221" spans="1:4" ht="15" thickBot="1" x14ac:dyDescent="0.4">
      <c r="A221" s="4" t="s">
        <v>284</v>
      </c>
      <c r="B221" s="4" t="s">
        <v>24</v>
      </c>
      <c r="C221" s="4"/>
      <c r="D221" s="4"/>
    </row>
    <row r="222" spans="1:4" ht="15" thickBot="1" x14ac:dyDescent="0.4">
      <c r="A222" s="4" t="s">
        <v>285</v>
      </c>
      <c r="B222" s="4" t="s">
        <v>8</v>
      </c>
      <c r="C222" s="4" t="s">
        <v>4</v>
      </c>
      <c r="D222" s="4" t="s">
        <v>285</v>
      </c>
    </row>
    <row r="223" spans="1:4" ht="15" thickBot="1" x14ac:dyDescent="0.4">
      <c r="A223" s="4" t="s">
        <v>286</v>
      </c>
      <c r="B223" s="4" t="s">
        <v>8</v>
      </c>
      <c r="C223" s="4" t="s">
        <v>8</v>
      </c>
      <c r="D223" s="4"/>
    </row>
    <row r="224" spans="1:4" ht="28.5" thickBot="1" x14ac:dyDescent="0.4">
      <c r="A224" s="4" t="s">
        <v>287</v>
      </c>
      <c r="B224" s="4" t="s">
        <v>8</v>
      </c>
      <c r="C224" s="4" t="s">
        <v>4</v>
      </c>
      <c r="D224" s="4" t="s">
        <v>382</v>
      </c>
    </row>
    <row r="225" spans="1:4" ht="28.5" thickBot="1" x14ac:dyDescent="0.4">
      <c r="A225" s="4" t="s">
        <v>288</v>
      </c>
      <c r="B225" s="4" t="s">
        <v>283</v>
      </c>
      <c r="C225" s="4" t="s">
        <v>8</v>
      </c>
      <c r="D225" s="4"/>
    </row>
    <row r="226" spans="1:4" ht="28.5" thickBot="1" x14ac:dyDescent="0.4">
      <c r="A226" s="4" t="s">
        <v>289</v>
      </c>
      <c r="B226" s="4" t="s">
        <v>283</v>
      </c>
      <c r="C226" s="4" t="s">
        <v>8</v>
      </c>
      <c r="D226" s="4"/>
    </row>
    <row r="227" spans="1:4" ht="15" thickBot="1" x14ac:dyDescent="0.4">
      <c r="A227" s="4" t="s">
        <v>290</v>
      </c>
      <c r="B227" s="4" t="s">
        <v>24</v>
      </c>
      <c r="C227" s="4"/>
      <c r="D227" s="4"/>
    </row>
    <row r="228" spans="1:4" ht="28.5" thickBot="1" x14ac:dyDescent="0.4">
      <c r="A228" s="4" t="s">
        <v>291</v>
      </c>
      <c r="B228" s="4" t="s">
        <v>292</v>
      </c>
      <c r="C228" s="4" t="s">
        <v>4</v>
      </c>
      <c r="D228" s="4" t="s">
        <v>293</v>
      </c>
    </row>
    <row r="229" spans="1:4" ht="28.5" thickBot="1" x14ac:dyDescent="0.4">
      <c r="A229" s="4" t="s">
        <v>295</v>
      </c>
      <c r="B229" s="4" t="s">
        <v>292</v>
      </c>
      <c r="C229" s="4" t="s">
        <v>4</v>
      </c>
      <c r="D229" s="4" t="s">
        <v>294</v>
      </c>
    </row>
    <row r="230" spans="1:4" ht="15" thickBot="1" x14ac:dyDescent="0.4">
      <c r="A230" s="4" t="s">
        <v>296</v>
      </c>
      <c r="B230" s="4" t="s">
        <v>8</v>
      </c>
      <c r="C230" s="4" t="s">
        <v>8</v>
      </c>
      <c r="D230" s="4"/>
    </row>
    <row r="231" spans="1:4" ht="15" thickBot="1" x14ac:dyDescent="0.4">
      <c r="A231" s="4" t="s">
        <v>297</v>
      </c>
      <c r="B231" s="4" t="s">
        <v>24</v>
      </c>
      <c r="C231" s="4"/>
      <c r="D231" s="4"/>
    </row>
    <row r="232" spans="1:4" ht="28.5" thickBot="1" x14ac:dyDescent="0.4">
      <c r="A232" s="4" t="s">
        <v>298</v>
      </c>
      <c r="B232" s="4" t="s">
        <v>8</v>
      </c>
      <c r="C232" s="4" t="s">
        <v>4</v>
      </c>
      <c r="D232" s="4" t="s">
        <v>383</v>
      </c>
    </row>
    <row r="233" spans="1:4" ht="28.5" thickBot="1" x14ac:dyDescent="0.4">
      <c r="A233" s="4" t="s">
        <v>299</v>
      </c>
      <c r="B233" s="4" t="s">
        <v>283</v>
      </c>
      <c r="C233" s="4" t="s">
        <v>8</v>
      </c>
      <c r="D233" s="4"/>
    </row>
    <row r="234" spans="1:4" ht="15" thickBot="1" x14ac:dyDescent="0.4">
      <c r="A234" s="4" t="s">
        <v>300</v>
      </c>
      <c r="B234" s="4" t="s">
        <v>8</v>
      </c>
      <c r="C234" s="4" t="s">
        <v>8</v>
      </c>
      <c r="D234" s="4"/>
    </row>
    <row r="235" spans="1:4" ht="15" thickBot="1" x14ac:dyDescent="0.4">
      <c r="A235" s="4" t="s">
        <v>301</v>
      </c>
      <c r="B235" s="4" t="s">
        <v>8</v>
      </c>
      <c r="C235" s="4" t="s">
        <v>8</v>
      </c>
      <c r="D235" s="4"/>
    </row>
    <row r="236" spans="1:4" ht="15" thickBot="1" x14ac:dyDescent="0.4">
      <c r="A236" s="4" t="s">
        <v>302</v>
      </c>
      <c r="B236" s="4" t="s">
        <v>24</v>
      </c>
      <c r="C236" s="4"/>
      <c r="D236" s="4"/>
    </row>
    <row r="237" spans="1:4" ht="28.5" thickBot="1" x14ac:dyDescent="0.4">
      <c r="A237" s="4" t="s">
        <v>303</v>
      </c>
      <c r="B237" s="4" t="s">
        <v>180</v>
      </c>
      <c r="C237" s="4" t="s">
        <v>4</v>
      </c>
      <c r="D237" s="4" t="s">
        <v>304</v>
      </c>
    </row>
    <row r="238" spans="1:4" ht="28.5" thickBot="1" x14ac:dyDescent="0.4">
      <c r="A238" s="4" t="s">
        <v>305</v>
      </c>
      <c r="B238" s="4" t="s">
        <v>283</v>
      </c>
      <c r="C238" s="4" t="s">
        <v>8</v>
      </c>
      <c r="D238" s="4"/>
    </row>
    <row r="239" spans="1:4" ht="28.5" thickBot="1" x14ac:dyDescent="0.4">
      <c r="A239" s="4" t="s">
        <v>306</v>
      </c>
      <c r="B239" s="4" t="s">
        <v>283</v>
      </c>
      <c r="C239" s="4" t="s">
        <v>8</v>
      </c>
      <c r="D239" s="4"/>
    </row>
    <row r="240" spans="1:4" ht="28.5" thickBot="1" x14ac:dyDescent="0.4">
      <c r="A240" s="4" t="s">
        <v>307</v>
      </c>
      <c r="B240" s="4" t="s">
        <v>283</v>
      </c>
      <c r="C240" s="4" t="s">
        <v>8</v>
      </c>
      <c r="D240" s="4"/>
    </row>
    <row r="241" spans="1:4" ht="15" thickBot="1" x14ac:dyDescent="0.4">
      <c r="A241" s="4" t="s">
        <v>156</v>
      </c>
      <c r="B241" s="4" t="s">
        <v>8</v>
      </c>
      <c r="C241" s="4" t="s">
        <v>8</v>
      </c>
      <c r="D241" s="4"/>
    </row>
    <row r="242" spans="1:4" ht="15" thickBot="1" x14ac:dyDescent="0.4">
      <c r="A242" s="4" t="s">
        <v>308</v>
      </c>
      <c r="B242" s="4" t="s">
        <v>8</v>
      </c>
      <c r="C242" s="4" t="s">
        <v>4</v>
      </c>
      <c r="D242" s="4" t="s">
        <v>312</v>
      </c>
    </row>
    <row r="243" spans="1:4" ht="28.5" thickBot="1" x14ac:dyDescent="0.4">
      <c r="A243" s="4" t="s">
        <v>311</v>
      </c>
      <c r="B243" s="4" t="s">
        <v>8</v>
      </c>
      <c r="C243" s="4" t="s">
        <v>4</v>
      </c>
      <c r="D243" s="4" t="s">
        <v>314</v>
      </c>
    </row>
    <row r="244" spans="1:4" ht="15" thickBot="1" x14ac:dyDescent="0.4">
      <c r="A244" s="4" t="s">
        <v>309</v>
      </c>
      <c r="B244" s="4" t="s">
        <v>8</v>
      </c>
      <c r="C244" s="4" t="s">
        <v>8</v>
      </c>
      <c r="D244" s="4"/>
    </row>
    <row r="245" spans="1:4" ht="15" thickBot="1" x14ac:dyDescent="0.4">
      <c r="A245" s="4" t="s">
        <v>310</v>
      </c>
      <c r="B245" s="4" t="s">
        <v>8</v>
      </c>
      <c r="C245" s="4" t="s">
        <v>8</v>
      </c>
      <c r="D245" s="4"/>
    </row>
    <row r="246" spans="1:4" ht="15" thickBot="1" x14ac:dyDescent="0.4">
      <c r="A246" s="4" t="s">
        <v>315</v>
      </c>
      <c r="B246" s="4" t="s">
        <v>8</v>
      </c>
      <c r="C246" s="4" t="s">
        <v>8</v>
      </c>
      <c r="D246" s="4"/>
    </row>
    <row r="247" spans="1:4" ht="15" thickBot="1" x14ac:dyDescent="0.4">
      <c r="A247" s="4" t="s">
        <v>316</v>
      </c>
      <c r="B247" s="4" t="s">
        <v>8</v>
      </c>
      <c r="C247" s="4" t="s">
        <v>8</v>
      </c>
      <c r="D247" s="4"/>
    </row>
    <row r="248" spans="1:4" ht="15" thickBot="1" x14ac:dyDescent="0.4">
      <c r="A248" s="4" t="s">
        <v>317</v>
      </c>
      <c r="B248" s="4" t="s">
        <v>8</v>
      </c>
      <c r="C248" s="4" t="s">
        <v>8</v>
      </c>
      <c r="D248" s="4"/>
    </row>
    <row r="249" spans="1:4" ht="15" thickBot="1" x14ac:dyDescent="0.4">
      <c r="A249" s="4" t="s">
        <v>318</v>
      </c>
      <c r="B249" s="4" t="s">
        <v>8</v>
      </c>
      <c r="C249" s="4" t="s">
        <v>8</v>
      </c>
      <c r="D249" s="4"/>
    </row>
    <row r="250" spans="1:4" ht="15" thickBot="1" x14ac:dyDescent="0.4">
      <c r="A250" s="4" t="s">
        <v>319</v>
      </c>
      <c r="B250" s="4" t="s">
        <v>8</v>
      </c>
      <c r="C250" s="4" t="s">
        <v>8</v>
      </c>
      <c r="D250" s="4"/>
    </row>
    <row r="251" spans="1:4" ht="15" thickBot="1" x14ac:dyDescent="0.4">
      <c r="A251" s="4" t="s">
        <v>320</v>
      </c>
      <c r="B251" s="4" t="s">
        <v>8</v>
      </c>
      <c r="C251" s="4" t="s">
        <v>8</v>
      </c>
      <c r="D251" s="4"/>
    </row>
    <row r="252" spans="1:4" ht="28.5" thickBot="1" x14ac:dyDescent="0.4">
      <c r="A252" s="4" t="s">
        <v>321</v>
      </c>
      <c r="B252" s="4" t="s">
        <v>8</v>
      </c>
      <c r="C252" s="4" t="s">
        <v>4</v>
      </c>
      <c r="D252" s="4" t="s">
        <v>313</v>
      </c>
    </row>
    <row r="253" spans="1:4" ht="15" thickBot="1" x14ac:dyDescent="0.4">
      <c r="A253" s="4" t="s">
        <v>322</v>
      </c>
      <c r="B253" s="4" t="s">
        <v>8</v>
      </c>
      <c r="C253" s="4" t="s">
        <v>8</v>
      </c>
      <c r="D253" s="4"/>
    </row>
    <row r="254" spans="1:4" ht="15" thickBot="1" x14ac:dyDescent="0.4">
      <c r="A254" s="4" t="s">
        <v>323</v>
      </c>
      <c r="B254" s="4" t="s">
        <v>8</v>
      </c>
      <c r="C254" s="4" t="s">
        <v>8</v>
      </c>
      <c r="D254" s="4"/>
    </row>
    <row r="255" spans="1:4" ht="15" thickBot="1" x14ac:dyDescent="0.4">
      <c r="A255" s="4" t="s">
        <v>324</v>
      </c>
      <c r="B255" s="4" t="s">
        <v>8</v>
      </c>
      <c r="C255" s="4" t="s">
        <v>8</v>
      </c>
      <c r="D255" s="4"/>
    </row>
    <row r="256" spans="1:4" ht="15" thickBot="1" x14ac:dyDescent="0.4">
      <c r="A256" s="4" t="s">
        <v>157</v>
      </c>
      <c r="B256" s="4" t="s">
        <v>8</v>
      </c>
      <c r="C256" s="4" t="s">
        <v>4</v>
      </c>
      <c r="D256" s="4" t="s">
        <v>325</v>
      </c>
    </row>
    <row r="257" spans="1:4" ht="28.5" thickBot="1" x14ac:dyDescent="0.4">
      <c r="A257" s="4" t="s">
        <v>328</v>
      </c>
      <c r="B257" s="4" t="s">
        <v>180</v>
      </c>
      <c r="C257" s="4" t="s">
        <v>4</v>
      </c>
      <c r="D257" s="4" t="s">
        <v>329</v>
      </c>
    </row>
    <row r="258" spans="1:4" ht="15" thickBot="1" x14ac:dyDescent="0.4">
      <c r="A258" s="4" t="s">
        <v>330</v>
      </c>
      <c r="B258" s="4" t="s">
        <v>8</v>
      </c>
      <c r="C258" s="4" t="s">
        <v>8</v>
      </c>
      <c r="D258" s="4"/>
    </row>
    <row r="259" spans="1:4" ht="28.5" thickBot="1" x14ac:dyDescent="0.4">
      <c r="A259" s="4" t="s">
        <v>331</v>
      </c>
      <c r="B259" s="4" t="s">
        <v>8</v>
      </c>
      <c r="C259" s="4" t="s">
        <v>4</v>
      </c>
      <c r="D259" s="4" t="s">
        <v>332</v>
      </c>
    </row>
    <row r="260" spans="1:4" ht="15" thickBot="1" x14ac:dyDescent="0.4">
      <c r="A260" s="4" t="s">
        <v>333</v>
      </c>
      <c r="B260" s="4" t="s">
        <v>107</v>
      </c>
      <c r="C260" s="4" t="s">
        <v>8</v>
      </c>
      <c r="D260" s="4"/>
    </row>
    <row r="261" spans="1:4" ht="15" thickBot="1" x14ac:dyDescent="0.4">
      <c r="A261" s="4" t="s">
        <v>334</v>
      </c>
      <c r="B261" s="4" t="s">
        <v>24</v>
      </c>
      <c r="C261" s="4"/>
      <c r="D261" s="4"/>
    </row>
    <row r="262" spans="1:4" ht="15" thickBot="1" x14ac:dyDescent="0.4">
      <c r="A262" s="4" t="s">
        <v>335</v>
      </c>
      <c r="B262" s="4" t="s">
        <v>8</v>
      </c>
      <c r="C262" s="4" t="s">
        <v>8</v>
      </c>
      <c r="D262" s="4"/>
    </row>
    <row r="263" spans="1:4" ht="15" thickBot="1" x14ac:dyDescent="0.4">
      <c r="A263" s="4" t="s">
        <v>336</v>
      </c>
      <c r="B263" s="4" t="s">
        <v>8</v>
      </c>
      <c r="C263" s="4" t="s">
        <v>8</v>
      </c>
      <c r="D263" s="4"/>
    </row>
    <row r="264" spans="1:4" ht="28.5" thickBot="1" x14ac:dyDescent="0.4">
      <c r="A264" s="4" t="s">
        <v>158</v>
      </c>
      <c r="B264" s="4" t="s">
        <v>8</v>
      </c>
      <c r="C264" s="4" t="s">
        <v>4</v>
      </c>
      <c r="D264" s="4" t="s">
        <v>326</v>
      </c>
    </row>
    <row r="265" spans="1:4" ht="28.5" thickBot="1" x14ac:dyDescent="0.4">
      <c r="A265" s="4" t="s">
        <v>337</v>
      </c>
      <c r="B265" s="4" t="s">
        <v>8</v>
      </c>
      <c r="C265" s="4" t="s">
        <v>4</v>
      </c>
      <c r="D265" s="4" t="s">
        <v>327</v>
      </c>
    </row>
    <row r="266" spans="1:4" ht="15" thickBot="1" x14ac:dyDescent="0.4">
      <c r="A266" s="4" t="s">
        <v>338</v>
      </c>
      <c r="B266" s="4" t="s">
        <v>8</v>
      </c>
      <c r="C266" s="4" t="s">
        <v>8</v>
      </c>
      <c r="D266" s="4"/>
    </row>
    <row r="267" spans="1:4" ht="28.5" thickBot="1" x14ac:dyDescent="0.4">
      <c r="A267" s="4" t="s">
        <v>339</v>
      </c>
      <c r="B267" s="4" t="s">
        <v>255</v>
      </c>
      <c r="C267" s="4" t="s">
        <v>8</v>
      </c>
      <c r="D267" s="4"/>
    </row>
    <row r="268" spans="1:4" ht="28.5" thickBot="1" x14ac:dyDescent="0.4">
      <c r="A268" s="4" t="s">
        <v>340</v>
      </c>
      <c r="B268" s="4" t="s">
        <v>292</v>
      </c>
      <c r="C268" s="4" t="s">
        <v>8</v>
      </c>
      <c r="D268" s="4"/>
    </row>
    <row r="269" spans="1:4" ht="15" thickBot="1" x14ac:dyDescent="0.4">
      <c r="A269" s="4" t="s">
        <v>341</v>
      </c>
      <c r="B269" s="4" t="s">
        <v>8</v>
      </c>
      <c r="C269" s="4" t="s">
        <v>8</v>
      </c>
      <c r="D269" s="4"/>
    </row>
    <row r="270" spans="1:4" x14ac:dyDescent="0.35">
      <c r="A270" s="4" t="s">
        <v>342</v>
      </c>
      <c r="B270" s="4" t="s">
        <v>8</v>
      </c>
      <c r="C270" s="4" t="s">
        <v>8</v>
      </c>
      <c r="D270" s="4"/>
    </row>
    <row r="272" spans="1:4" ht="30" x14ac:dyDescent="0.35">
      <c r="A272" s="1" t="s">
        <v>343</v>
      </c>
    </row>
    <row r="273" spans="1:4" ht="15" thickBot="1" x14ac:dyDescent="0.4">
      <c r="A273" s="2"/>
    </row>
    <row r="274" spans="1:4" ht="15" thickBot="1" x14ac:dyDescent="0.4">
      <c r="A274" s="3" t="s">
        <v>0</v>
      </c>
      <c r="B274" s="3" t="s">
        <v>1</v>
      </c>
      <c r="C274" s="3" t="s">
        <v>2</v>
      </c>
      <c r="D274" s="3" t="s">
        <v>3</v>
      </c>
    </row>
    <row r="275" spans="1:4" ht="15" thickBot="1" x14ac:dyDescent="0.4">
      <c r="A275" s="4" t="s">
        <v>343</v>
      </c>
      <c r="B275" s="4" t="s">
        <v>8</v>
      </c>
      <c r="C275" s="4" t="s">
        <v>4</v>
      </c>
      <c r="D275" s="4" t="s">
        <v>56</v>
      </c>
    </row>
    <row r="276" spans="1:4" ht="15" thickBot="1" x14ac:dyDescent="0.4">
      <c r="A276" s="4" t="s">
        <v>344</v>
      </c>
      <c r="B276" s="4" t="s">
        <v>8</v>
      </c>
      <c r="C276" s="4" t="s">
        <v>8</v>
      </c>
      <c r="D276" s="4"/>
    </row>
    <row r="277" spans="1:4" ht="15" thickBot="1" x14ac:dyDescent="0.4">
      <c r="A277" s="4" t="s">
        <v>345</v>
      </c>
      <c r="B277" s="4" t="s">
        <v>162</v>
      </c>
      <c r="C277" s="4" t="s">
        <v>8</v>
      </c>
      <c r="D277" s="4"/>
    </row>
    <row r="278" spans="1:4" ht="15" thickBot="1" x14ac:dyDescent="0.4">
      <c r="A278" s="4" t="s">
        <v>346</v>
      </c>
      <c r="B278" s="4" t="s">
        <v>112</v>
      </c>
      <c r="C278" s="4" t="s">
        <v>8</v>
      </c>
      <c r="D278" s="4"/>
    </row>
    <row r="279" spans="1:4" ht="15" thickBot="1" x14ac:dyDescent="0.4">
      <c r="A279" s="4" t="s">
        <v>347</v>
      </c>
      <c r="B279" s="4" t="s">
        <v>24</v>
      </c>
      <c r="C279" s="4"/>
      <c r="D279" s="4"/>
    </row>
    <row r="280" spans="1:4" ht="15" thickBot="1" x14ac:dyDescent="0.4">
      <c r="A280" s="4" t="s">
        <v>348</v>
      </c>
      <c r="B280" s="4" t="s">
        <v>24</v>
      </c>
      <c r="C280" s="4"/>
      <c r="D280" s="4"/>
    </row>
    <row r="281" spans="1:4" ht="15" thickBot="1" x14ac:dyDescent="0.4">
      <c r="A281" s="4" t="s">
        <v>349</v>
      </c>
      <c r="B281" s="4" t="s">
        <v>8</v>
      </c>
      <c r="C281" s="4" t="s">
        <v>8</v>
      </c>
      <c r="D281" s="4"/>
    </row>
    <row r="282" spans="1:4" ht="15" thickBot="1" x14ac:dyDescent="0.4">
      <c r="A282" s="4" t="s">
        <v>350</v>
      </c>
      <c r="B282" s="4" t="s">
        <v>24</v>
      </c>
      <c r="C282" s="4"/>
      <c r="D282" s="4"/>
    </row>
    <row r="283" spans="1:4" ht="15" thickBot="1" x14ac:dyDescent="0.4">
      <c r="A283" s="4" t="s">
        <v>351</v>
      </c>
      <c r="B283" s="4" t="s">
        <v>103</v>
      </c>
      <c r="C283" s="4" t="s">
        <v>8</v>
      </c>
      <c r="D283" s="4"/>
    </row>
    <row r="284" spans="1:4" ht="28.5" thickBot="1" x14ac:dyDescent="0.4">
      <c r="A284" s="4" t="s">
        <v>352</v>
      </c>
      <c r="B284" s="4" t="s">
        <v>162</v>
      </c>
      <c r="C284" s="4" t="s">
        <v>4</v>
      </c>
      <c r="D284" s="4" t="s">
        <v>355</v>
      </c>
    </row>
    <row r="285" spans="1:4" ht="28.5" thickBot="1" x14ac:dyDescent="0.4">
      <c r="A285" s="4" t="s">
        <v>353</v>
      </c>
      <c r="B285" s="4" t="s">
        <v>162</v>
      </c>
      <c r="C285" s="4" t="s">
        <v>4</v>
      </c>
      <c r="D285" s="4" t="s">
        <v>356</v>
      </c>
    </row>
    <row r="286" spans="1:4" ht="15" thickBot="1" x14ac:dyDescent="0.4">
      <c r="A286" s="4" t="s">
        <v>354</v>
      </c>
      <c r="B286" s="4" t="s">
        <v>162</v>
      </c>
      <c r="C286" s="4" t="s">
        <v>4</v>
      </c>
      <c r="D286" s="4" t="s">
        <v>357</v>
      </c>
    </row>
    <row r="287" spans="1:4" ht="15" thickBot="1" x14ac:dyDescent="0.4">
      <c r="A287" s="4" t="s">
        <v>358</v>
      </c>
      <c r="B287" s="4" t="s">
        <v>55</v>
      </c>
      <c r="C287" s="4" t="s">
        <v>8</v>
      </c>
      <c r="D287" s="4"/>
    </row>
    <row r="288" spans="1:4" ht="15" thickBot="1" x14ac:dyDescent="0.4">
      <c r="A288" s="4" t="s">
        <v>359</v>
      </c>
      <c r="B288" s="4" t="s">
        <v>162</v>
      </c>
      <c r="C288" s="4" t="s">
        <v>4</v>
      </c>
      <c r="D288" s="4" t="s">
        <v>360</v>
      </c>
    </row>
    <row r="289" spans="1:4" ht="15" thickBot="1" x14ac:dyDescent="0.4">
      <c r="A289" s="4" t="s">
        <v>361</v>
      </c>
      <c r="B289" s="4" t="s">
        <v>55</v>
      </c>
      <c r="C289" s="4" t="s">
        <v>4</v>
      </c>
      <c r="D289" s="4" t="s">
        <v>369</v>
      </c>
    </row>
    <row r="290" spans="1:4" ht="15" thickBot="1" x14ac:dyDescent="0.4">
      <c r="A290" s="4" t="s">
        <v>362</v>
      </c>
      <c r="B290" s="4" t="s">
        <v>162</v>
      </c>
      <c r="C290" s="4" t="s">
        <v>4</v>
      </c>
      <c r="D290" s="4" t="s">
        <v>370</v>
      </c>
    </row>
    <row r="291" spans="1:4" ht="15" thickBot="1" x14ac:dyDescent="0.4">
      <c r="A291" s="4" t="s">
        <v>363</v>
      </c>
      <c r="B291" s="4" t="s">
        <v>162</v>
      </c>
      <c r="C291" s="4" t="s">
        <v>4</v>
      </c>
      <c r="D291" s="4" t="s">
        <v>371</v>
      </c>
    </row>
    <row r="292" spans="1:4" ht="15" thickBot="1" x14ac:dyDescent="0.4">
      <c r="A292" s="4" t="s">
        <v>364</v>
      </c>
      <c r="B292" s="4" t="s">
        <v>162</v>
      </c>
      <c r="C292" s="4" t="s">
        <v>8</v>
      </c>
      <c r="D292" s="4"/>
    </row>
    <row r="293" spans="1:4" ht="28.5" thickBot="1" x14ac:dyDescent="0.4">
      <c r="A293" s="4" t="s">
        <v>365</v>
      </c>
      <c r="B293" s="4" t="s">
        <v>162</v>
      </c>
      <c r="C293" s="4" t="s">
        <v>4</v>
      </c>
      <c r="D293" s="4" t="s">
        <v>384</v>
      </c>
    </row>
    <row r="294" spans="1:4" ht="15" thickBot="1" x14ac:dyDescent="0.4">
      <c r="A294" s="4" t="s">
        <v>366</v>
      </c>
      <c r="B294" s="4" t="s">
        <v>8</v>
      </c>
      <c r="C294" s="4" t="s">
        <v>4</v>
      </c>
      <c r="D294" s="4" t="s">
        <v>367</v>
      </c>
    </row>
    <row r="295" spans="1:4" x14ac:dyDescent="0.35">
      <c r="A295" s="4" t="s">
        <v>368</v>
      </c>
      <c r="B295" s="4" t="s">
        <v>8</v>
      </c>
      <c r="C295" s="4" t="s">
        <v>4</v>
      </c>
      <c r="D295" s="4" t="s">
        <v>385</v>
      </c>
    </row>
  </sheetData>
  <pageMargins left="0.7" right="0.7" top="0.75" bottom="0.75" header="0.3" footer="0.3"/>
  <pageSetup orientation="portrait" horizontalDpi="200" verticalDpi="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u, Chang</dc:creator>
  <cp:lastModifiedBy>Liu, Chang</cp:lastModifiedBy>
  <dcterms:created xsi:type="dcterms:W3CDTF">2020-04-23T06:53:32Z</dcterms:created>
  <dcterms:modified xsi:type="dcterms:W3CDTF">2020-07-31T05:36:37Z</dcterms:modified>
</cp:coreProperties>
</file>